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worksheets/sheet148.xml" ContentType="application/vnd.openxmlformats-officedocument.spreadsheetml.worksheet+xml"/>
  <Override PartName="/xl/worksheets/sheet149.xml" ContentType="application/vnd.openxmlformats-officedocument.spreadsheetml.worksheet+xml"/>
  <Override PartName="/xl/worksheets/sheet150.xml" ContentType="application/vnd.openxmlformats-officedocument.spreadsheetml.worksheet+xml"/>
  <Override PartName="/xl/worksheets/sheet151.xml" ContentType="application/vnd.openxmlformats-officedocument.spreadsheetml.worksheet+xml"/>
  <Override PartName="/xl/worksheets/sheet152.xml" ContentType="application/vnd.openxmlformats-officedocument.spreadsheetml.worksheet+xml"/>
  <Override PartName="/xl/worksheets/sheet153.xml" ContentType="application/vnd.openxmlformats-officedocument.spreadsheetml.worksheet+xml"/>
  <Override PartName="/xl/worksheets/sheet154.xml" ContentType="application/vnd.openxmlformats-officedocument.spreadsheetml.worksheet+xml"/>
  <Override PartName="/xl/worksheets/sheet155.xml" ContentType="application/vnd.openxmlformats-officedocument.spreadsheetml.worksheet+xml"/>
  <Override PartName="/xl/worksheets/sheet156.xml" ContentType="application/vnd.openxmlformats-officedocument.spreadsheetml.worksheet+xml"/>
  <Override PartName="/xl/worksheets/sheet157.xml" ContentType="application/vnd.openxmlformats-officedocument.spreadsheetml.worksheet+xml"/>
  <Override PartName="/xl/worksheets/sheet158.xml" ContentType="application/vnd.openxmlformats-officedocument.spreadsheetml.worksheet+xml"/>
  <Override PartName="/xl/worksheets/sheet159.xml" ContentType="application/vnd.openxmlformats-officedocument.spreadsheetml.worksheet+xml"/>
  <Override PartName="/xl/worksheets/sheet160.xml" ContentType="application/vnd.openxmlformats-officedocument.spreadsheetml.worksheet+xml"/>
  <Override PartName="/xl/worksheets/sheet161.xml" ContentType="application/vnd.openxmlformats-officedocument.spreadsheetml.worksheet+xml"/>
  <Override PartName="/xl/worksheets/sheet162.xml" ContentType="application/vnd.openxmlformats-officedocument.spreadsheetml.worksheet+xml"/>
  <Override PartName="/xl/worksheets/sheet163.xml" ContentType="application/vnd.openxmlformats-officedocument.spreadsheetml.worksheet+xml"/>
  <Override PartName="/xl/worksheets/sheet164.xml" ContentType="application/vnd.openxmlformats-officedocument.spreadsheetml.worksheet+xml"/>
  <Override PartName="/xl/worksheets/sheet165.xml" ContentType="application/vnd.openxmlformats-officedocument.spreadsheetml.worksheet+xml"/>
  <Override PartName="/xl/worksheets/sheet166.xml" ContentType="application/vnd.openxmlformats-officedocument.spreadsheetml.worksheet+xml"/>
  <Override PartName="/xl/worksheets/sheet167.xml" ContentType="application/vnd.openxmlformats-officedocument.spreadsheetml.worksheet+xml"/>
  <Override PartName="/xl/worksheets/sheet168.xml" ContentType="application/vnd.openxmlformats-officedocument.spreadsheetml.worksheet+xml"/>
  <Override PartName="/xl/worksheets/sheet169.xml" ContentType="application/vnd.openxmlformats-officedocument.spreadsheetml.worksheet+xml"/>
  <Override PartName="/xl/worksheets/sheet170.xml" ContentType="application/vnd.openxmlformats-officedocument.spreadsheetml.worksheet+xml"/>
  <Override PartName="/xl/worksheets/sheet171.xml" ContentType="application/vnd.openxmlformats-officedocument.spreadsheetml.worksheet+xml"/>
  <Override PartName="/xl/worksheets/sheet172.xml" ContentType="application/vnd.openxmlformats-officedocument.spreadsheetml.worksheet+xml"/>
  <Override PartName="/xl/worksheets/sheet173.xml" ContentType="application/vnd.openxmlformats-officedocument.spreadsheetml.worksheet+xml"/>
  <Override PartName="/xl/worksheets/sheet174.xml" ContentType="application/vnd.openxmlformats-officedocument.spreadsheetml.worksheet+xml"/>
  <Override PartName="/xl/worksheets/sheet175.xml" ContentType="application/vnd.openxmlformats-officedocument.spreadsheetml.worksheet+xml"/>
  <Override PartName="/xl/worksheets/sheet176.xml" ContentType="application/vnd.openxmlformats-officedocument.spreadsheetml.worksheet+xml"/>
  <Override PartName="/xl/worksheets/sheet177.xml" ContentType="application/vnd.openxmlformats-officedocument.spreadsheetml.worksheet+xml"/>
  <Override PartName="/xl/worksheets/sheet178.xml" ContentType="application/vnd.openxmlformats-officedocument.spreadsheetml.worksheet+xml"/>
  <Override PartName="/xl/worksheets/sheet179.xml" ContentType="application/vnd.openxmlformats-officedocument.spreadsheetml.worksheet+xml"/>
  <Override PartName="/xl/worksheets/sheet180.xml" ContentType="application/vnd.openxmlformats-officedocument.spreadsheetml.worksheet+xml"/>
  <Override PartName="/xl/worksheets/sheet181.xml" ContentType="application/vnd.openxmlformats-officedocument.spreadsheetml.worksheet+xml"/>
  <Override PartName="/xl/worksheets/sheet182.xml" ContentType="application/vnd.openxmlformats-officedocument.spreadsheetml.worksheet+xml"/>
  <Override PartName="/xl/worksheets/sheet183.xml" ContentType="application/vnd.openxmlformats-officedocument.spreadsheetml.worksheet+xml"/>
  <Override PartName="/xl/worksheets/sheet184.xml" ContentType="application/vnd.openxmlformats-officedocument.spreadsheetml.worksheet+xml"/>
  <Override PartName="/xl/worksheets/sheet185.xml" ContentType="application/vnd.openxmlformats-officedocument.spreadsheetml.worksheet+xml"/>
  <Override PartName="/xl/worksheets/sheet186.xml" ContentType="application/vnd.openxmlformats-officedocument.spreadsheetml.worksheet+xml"/>
  <Override PartName="/xl/worksheets/sheet187.xml" ContentType="application/vnd.openxmlformats-officedocument.spreadsheetml.worksheet+xml"/>
  <Override PartName="/xl/worksheets/sheet188.xml" ContentType="application/vnd.openxmlformats-officedocument.spreadsheetml.worksheet+xml"/>
  <Override PartName="/xl/worksheets/sheet189.xml" ContentType="application/vnd.openxmlformats-officedocument.spreadsheetml.worksheet+xml"/>
  <Override PartName="/xl/worksheets/sheet190.xml" ContentType="application/vnd.openxmlformats-officedocument.spreadsheetml.worksheet+xml"/>
  <Override PartName="/xl/worksheets/sheet191.xml" ContentType="application/vnd.openxmlformats-officedocument.spreadsheetml.worksheet+xml"/>
  <Override PartName="/xl/worksheets/sheet192.xml" ContentType="application/vnd.openxmlformats-officedocument.spreadsheetml.worksheet+xml"/>
  <Override PartName="/xl/worksheets/sheet193.xml" ContentType="application/vnd.openxmlformats-officedocument.spreadsheetml.worksheet+xml"/>
  <Override PartName="/xl/worksheets/sheet194.xml" ContentType="application/vnd.openxmlformats-officedocument.spreadsheetml.worksheet+xml"/>
  <Override PartName="/xl/worksheets/sheet195.xml" ContentType="application/vnd.openxmlformats-officedocument.spreadsheetml.worksheet+xml"/>
  <Override PartName="/xl/worksheets/sheet196.xml" ContentType="application/vnd.openxmlformats-officedocument.spreadsheetml.worksheet+xml"/>
  <Override PartName="/xl/worksheets/sheet197.xml" ContentType="application/vnd.openxmlformats-officedocument.spreadsheetml.worksheet+xml"/>
  <Override PartName="/xl/worksheets/sheet198.xml" ContentType="application/vnd.openxmlformats-officedocument.spreadsheetml.worksheet+xml"/>
  <Override PartName="/xl/worksheets/sheet199.xml" ContentType="application/vnd.openxmlformats-officedocument.spreadsheetml.worksheet+xml"/>
  <Override PartName="/xl/worksheets/sheet200.xml" ContentType="application/vnd.openxmlformats-officedocument.spreadsheetml.worksheet+xml"/>
  <Override PartName="/xl/worksheets/sheet201.xml" ContentType="application/vnd.openxmlformats-officedocument.spreadsheetml.worksheet+xml"/>
  <Override PartName="/xl/worksheets/sheet202.xml" ContentType="application/vnd.openxmlformats-officedocument.spreadsheetml.worksheet+xml"/>
  <Override PartName="/xl/worksheets/sheet203.xml" ContentType="application/vnd.openxmlformats-officedocument.spreadsheetml.worksheet+xml"/>
  <Override PartName="/xl/worksheets/sheet204.xml" ContentType="application/vnd.openxmlformats-officedocument.spreadsheetml.worksheet+xml"/>
  <Override PartName="/xl/worksheets/sheet205.xml" ContentType="application/vnd.openxmlformats-officedocument.spreadsheetml.worksheet+xml"/>
  <Override PartName="/xl/worksheets/sheet206.xml" ContentType="application/vnd.openxmlformats-officedocument.spreadsheetml.worksheet+xml"/>
  <Override PartName="/xl/worksheets/sheet207.xml" ContentType="application/vnd.openxmlformats-officedocument.spreadsheetml.worksheet+xml"/>
  <Override PartName="/xl/worksheets/sheet208.xml" ContentType="application/vnd.openxmlformats-officedocument.spreadsheetml.worksheet+xml"/>
  <Override PartName="/xl/worksheets/sheet209.xml" ContentType="application/vnd.openxmlformats-officedocument.spreadsheetml.worksheet+xml"/>
  <Override PartName="/xl/worksheets/sheet210.xml" ContentType="application/vnd.openxmlformats-officedocument.spreadsheetml.worksheet+xml"/>
  <Override PartName="/xl/worksheets/sheet211.xml" ContentType="application/vnd.openxmlformats-officedocument.spreadsheetml.worksheet+xml"/>
  <Override PartName="/xl/worksheets/sheet212.xml" ContentType="application/vnd.openxmlformats-officedocument.spreadsheetml.worksheet+xml"/>
  <Override PartName="/xl/worksheets/sheet213.xml" ContentType="application/vnd.openxmlformats-officedocument.spreadsheetml.worksheet+xml"/>
  <Override PartName="/xl/worksheets/sheet214.xml" ContentType="application/vnd.openxmlformats-officedocument.spreadsheetml.worksheet+xml"/>
  <Override PartName="/xl/worksheets/sheet215.xml" ContentType="application/vnd.openxmlformats-officedocument.spreadsheetml.worksheet+xml"/>
  <Override PartName="/xl/worksheets/sheet216.xml" ContentType="application/vnd.openxmlformats-officedocument.spreadsheetml.worksheet+xml"/>
  <Override PartName="/xl/worksheets/sheet217.xml" ContentType="application/vnd.openxmlformats-officedocument.spreadsheetml.worksheet+xml"/>
  <Override PartName="/xl/worksheets/sheet218.xml" ContentType="application/vnd.openxmlformats-officedocument.spreadsheetml.worksheet+xml"/>
  <Override PartName="/xl/worksheets/sheet219.xml" ContentType="application/vnd.openxmlformats-officedocument.spreadsheetml.worksheet+xml"/>
  <Override PartName="/xl/worksheets/sheet220.xml" ContentType="application/vnd.openxmlformats-officedocument.spreadsheetml.worksheet+xml"/>
  <Override PartName="/xl/worksheets/sheet221.xml" ContentType="application/vnd.openxmlformats-officedocument.spreadsheetml.worksheet+xml"/>
  <Override PartName="/xl/worksheets/sheet222.xml" ContentType="application/vnd.openxmlformats-officedocument.spreadsheetml.worksheet+xml"/>
  <Override PartName="/xl/worksheets/sheet223.xml" ContentType="application/vnd.openxmlformats-officedocument.spreadsheetml.worksheet+xml"/>
  <Override PartName="/xl/worksheets/sheet224.xml" ContentType="application/vnd.openxmlformats-officedocument.spreadsheetml.worksheet+xml"/>
  <Override PartName="/xl/worksheets/sheet225.xml" ContentType="application/vnd.openxmlformats-officedocument.spreadsheetml.worksheet+xml"/>
  <Override PartName="/xl/worksheets/sheet226.xml" ContentType="application/vnd.openxmlformats-officedocument.spreadsheetml.worksheet+xml"/>
  <Override PartName="/xl/worksheets/sheet227.xml" ContentType="application/vnd.openxmlformats-officedocument.spreadsheetml.worksheet+xml"/>
  <Override PartName="/xl/worksheets/sheet228.xml" ContentType="application/vnd.openxmlformats-officedocument.spreadsheetml.worksheet+xml"/>
  <Override PartName="/xl/worksheets/sheet229.xml" ContentType="application/vnd.openxmlformats-officedocument.spreadsheetml.worksheet+xml"/>
  <Override PartName="/xl/worksheets/sheet230.xml" ContentType="application/vnd.openxmlformats-officedocument.spreadsheetml.worksheet+xml"/>
  <Override PartName="/xl/worksheets/sheet231.xml" ContentType="application/vnd.openxmlformats-officedocument.spreadsheetml.worksheet+xml"/>
  <Override PartName="/xl/worksheets/sheet232.xml" ContentType="application/vnd.openxmlformats-officedocument.spreadsheetml.worksheet+xml"/>
  <Override PartName="/xl/worksheets/sheet233.xml" ContentType="application/vnd.openxmlformats-officedocument.spreadsheetml.worksheet+xml"/>
  <Override PartName="/xl/worksheets/sheet234.xml" ContentType="application/vnd.openxmlformats-officedocument.spreadsheetml.worksheet+xml"/>
  <Override PartName="/xl/worksheets/sheet235.xml" ContentType="application/vnd.openxmlformats-officedocument.spreadsheetml.worksheet+xml"/>
  <Override PartName="/xl/worksheets/sheet236.xml" ContentType="application/vnd.openxmlformats-officedocument.spreadsheetml.worksheet+xml"/>
  <Override PartName="/xl/worksheets/sheet237.xml" ContentType="application/vnd.openxmlformats-officedocument.spreadsheetml.worksheet+xml"/>
  <Override PartName="/xl/worksheets/sheet238.xml" ContentType="application/vnd.openxmlformats-officedocument.spreadsheetml.worksheet+xml"/>
  <Override PartName="/xl/worksheets/sheet239.xml" ContentType="application/vnd.openxmlformats-officedocument.spreadsheetml.worksheet+xml"/>
  <Override PartName="/xl/worksheets/sheet240.xml" ContentType="application/vnd.openxmlformats-officedocument.spreadsheetml.worksheet+xml"/>
  <Override PartName="/xl/worksheets/sheet241.xml" ContentType="application/vnd.openxmlformats-officedocument.spreadsheetml.worksheet+xml"/>
  <Override PartName="/xl/worksheets/sheet242.xml" ContentType="application/vnd.openxmlformats-officedocument.spreadsheetml.worksheet+xml"/>
  <Override PartName="/xl/worksheets/sheet243.xml" ContentType="application/vnd.openxmlformats-officedocument.spreadsheetml.worksheet+xml"/>
  <Override PartName="/xl/worksheets/sheet244.xml" ContentType="application/vnd.openxmlformats-officedocument.spreadsheetml.worksheet+xml"/>
  <Override PartName="/xl/worksheets/sheet245.xml" ContentType="application/vnd.openxmlformats-officedocument.spreadsheetml.worksheet+xml"/>
  <Override PartName="/xl/worksheets/sheet246.xml" ContentType="application/vnd.openxmlformats-officedocument.spreadsheetml.worksheet+xml"/>
  <Override PartName="/xl/worksheets/sheet247.xml" ContentType="application/vnd.openxmlformats-officedocument.spreadsheetml.worksheet+xml"/>
  <Override PartName="/xl/worksheets/sheet248.xml" ContentType="application/vnd.openxmlformats-officedocument.spreadsheetml.worksheet+xml"/>
  <Override PartName="/xl/worksheets/sheet249.xml" ContentType="application/vnd.openxmlformats-officedocument.spreadsheetml.worksheet+xml"/>
  <Override PartName="/xl/worksheets/sheet250.xml" ContentType="application/vnd.openxmlformats-officedocument.spreadsheetml.worksheet+xml"/>
  <Override PartName="/xl/worksheets/sheet251.xml" ContentType="application/vnd.openxmlformats-officedocument.spreadsheetml.worksheet+xml"/>
  <Override PartName="/xl/worksheets/sheet252.xml" ContentType="application/vnd.openxmlformats-officedocument.spreadsheetml.worksheet+xml"/>
  <Override PartName="/xl/worksheets/sheet253.xml" ContentType="application/vnd.openxmlformats-officedocument.spreadsheetml.worksheet+xml"/>
  <Override PartName="/xl/worksheets/sheet254.xml" ContentType="application/vnd.openxmlformats-officedocument.spreadsheetml.worksheet+xml"/>
  <Override PartName="/xl/worksheets/sheet255.xml" ContentType="application/vnd.openxmlformats-officedocument.spreadsheetml.worksheet+xml"/>
  <Override PartName="/xl/worksheets/sheet256.xml" ContentType="application/vnd.openxmlformats-officedocument.spreadsheetml.worksheet+xml"/>
  <Override PartName="/xl/worksheets/sheet257.xml" ContentType="application/vnd.openxmlformats-officedocument.spreadsheetml.worksheet+xml"/>
  <Override PartName="/xl/worksheets/sheet258.xml" ContentType="application/vnd.openxmlformats-officedocument.spreadsheetml.worksheet+xml"/>
  <Override PartName="/xl/worksheets/sheet259.xml" ContentType="application/vnd.openxmlformats-officedocument.spreadsheetml.worksheet+xml"/>
  <Override PartName="/xl/worksheets/sheet260.xml" ContentType="application/vnd.openxmlformats-officedocument.spreadsheetml.worksheet+xml"/>
  <Override PartName="/xl/worksheets/sheet261.xml" ContentType="application/vnd.openxmlformats-officedocument.spreadsheetml.worksheet+xml"/>
  <Override PartName="/xl/worksheets/sheet262.xml" ContentType="application/vnd.openxmlformats-officedocument.spreadsheetml.worksheet+xml"/>
  <Override PartName="/xl/worksheets/sheet263.xml" ContentType="application/vnd.openxmlformats-officedocument.spreadsheetml.worksheet+xml"/>
  <Override PartName="/xl/worksheets/sheet264.xml" ContentType="application/vnd.openxmlformats-officedocument.spreadsheetml.worksheet+xml"/>
  <Override PartName="/xl/worksheets/sheet265.xml" ContentType="application/vnd.openxmlformats-officedocument.spreadsheetml.worksheet+xml"/>
  <Override PartName="/xl/worksheets/sheet266.xml" ContentType="application/vnd.openxmlformats-officedocument.spreadsheetml.worksheet+xml"/>
  <Override PartName="/xl/worksheets/sheet267.xml" ContentType="application/vnd.openxmlformats-officedocument.spreadsheetml.worksheet+xml"/>
  <Override PartName="/xl/worksheets/sheet268.xml" ContentType="application/vnd.openxmlformats-officedocument.spreadsheetml.worksheet+xml"/>
  <Override PartName="/xl/worksheets/sheet269.xml" ContentType="application/vnd.openxmlformats-officedocument.spreadsheetml.worksheet+xml"/>
  <Override PartName="/xl/worksheets/sheet270.xml" ContentType="application/vnd.openxmlformats-officedocument.spreadsheetml.worksheet+xml"/>
  <Override PartName="/xl/worksheets/sheet271.xml" ContentType="application/vnd.openxmlformats-officedocument.spreadsheetml.worksheet+xml"/>
  <Override PartName="/xl/worksheets/sheet272.xml" ContentType="application/vnd.openxmlformats-officedocument.spreadsheetml.worksheet+xml"/>
  <Override PartName="/xl/worksheets/sheet273.xml" ContentType="application/vnd.openxmlformats-officedocument.spreadsheetml.worksheet+xml"/>
  <Override PartName="/xl/worksheets/sheet274.xml" ContentType="application/vnd.openxmlformats-officedocument.spreadsheetml.worksheet+xml"/>
  <Override PartName="/xl/worksheets/sheet275.xml" ContentType="application/vnd.openxmlformats-officedocument.spreadsheetml.worksheet+xml"/>
  <Override PartName="/xl/worksheets/sheet276.xml" ContentType="application/vnd.openxmlformats-officedocument.spreadsheetml.worksheet+xml"/>
  <Override PartName="/xl/worksheets/sheet277.xml" ContentType="application/vnd.openxmlformats-officedocument.spreadsheetml.worksheet+xml"/>
  <Override PartName="/xl/worksheets/sheet278.xml" ContentType="application/vnd.openxmlformats-officedocument.spreadsheetml.worksheet+xml"/>
  <Override PartName="/xl/worksheets/sheet279.xml" ContentType="application/vnd.openxmlformats-officedocument.spreadsheetml.worksheet+xml"/>
  <Override PartName="/xl/worksheets/sheet280.xml" ContentType="application/vnd.openxmlformats-officedocument.spreadsheetml.worksheet+xml"/>
  <Override PartName="/xl/worksheets/sheet281.xml" ContentType="application/vnd.openxmlformats-officedocument.spreadsheetml.worksheet+xml"/>
  <Override PartName="/xl/worksheets/sheet282.xml" ContentType="application/vnd.openxmlformats-officedocument.spreadsheetml.worksheet+xml"/>
  <Override PartName="/xl/worksheets/sheet283.xml" ContentType="application/vnd.openxmlformats-officedocument.spreadsheetml.worksheet+xml"/>
  <Override PartName="/xl/worksheets/sheet284.xml" ContentType="application/vnd.openxmlformats-officedocument.spreadsheetml.worksheet+xml"/>
  <Override PartName="/xl/worksheets/sheet285.xml" ContentType="application/vnd.openxmlformats-officedocument.spreadsheetml.worksheet+xml"/>
  <Override PartName="/xl/worksheets/sheet286.xml" ContentType="application/vnd.openxmlformats-officedocument.spreadsheetml.worksheet+xml"/>
  <Override PartName="/xl/worksheets/sheet287.xml" ContentType="application/vnd.openxmlformats-officedocument.spreadsheetml.worksheet+xml"/>
  <Override PartName="/xl/worksheets/sheet288.xml" ContentType="application/vnd.openxmlformats-officedocument.spreadsheetml.worksheet+xml"/>
  <Override PartName="/xl/worksheets/sheet289.xml" ContentType="application/vnd.openxmlformats-officedocument.spreadsheetml.worksheet+xml"/>
  <Override PartName="/xl/worksheets/sheet290.xml" ContentType="application/vnd.openxmlformats-officedocument.spreadsheetml.worksheet+xml"/>
  <Override PartName="/xl/worksheets/sheet291.xml" ContentType="application/vnd.openxmlformats-officedocument.spreadsheetml.worksheet+xml"/>
  <Override PartName="/xl/worksheets/sheet292.xml" ContentType="application/vnd.openxmlformats-officedocument.spreadsheetml.worksheet+xml"/>
  <Override PartName="/xl/worksheets/sheet293.xml" ContentType="application/vnd.openxmlformats-officedocument.spreadsheetml.worksheet+xml"/>
  <Override PartName="/xl/worksheets/sheet294.xml" ContentType="application/vnd.openxmlformats-officedocument.spreadsheetml.worksheet+xml"/>
  <Override PartName="/xl/worksheets/sheet295.xml" ContentType="application/vnd.openxmlformats-officedocument.spreadsheetml.worksheet+xml"/>
  <Override PartName="/xl/worksheets/sheet296.xml" ContentType="application/vnd.openxmlformats-officedocument.spreadsheetml.worksheet+xml"/>
  <Override PartName="/xl/worksheets/sheet297.xml" ContentType="application/vnd.openxmlformats-officedocument.spreadsheetml.worksheet+xml"/>
  <Override PartName="/xl/worksheets/sheet298.xml" ContentType="application/vnd.openxmlformats-officedocument.spreadsheetml.worksheet+xml"/>
  <Override PartName="/xl/worksheets/sheet299.xml" ContentType="application/vnd.openxmlformats-officedocument.spreadsheetml.worksheet+xml"/>
  <Override PartName="/xl/worksheets/sheet300.xml" ContentType="application/vnd.openxmlformats-officedocument.spreadsheetml.worksheet+xml"/>
  <Override PartName="/xl/worksheets/sheet301.xml" ContentType="application/vnd.openxmlformats-officedocument.spreadsheetml.worksheet+xml"/>
  <Override PartName="/xl/worksheets/sheet302.xml" ContentType="application/vnd.openxmlformats-officedocument.spreadsheetml.worksheet+xml"/>
  <Override PartName="/xl/worksheets/sheet303.xml" ContentType="application/vnd.openxmlformats-officedocument.spreadsheetml.worksheet+xml"/>
  <Override PartName="/xl/worksheets/sheet304.xml" ContentType="application/vnd.openxmlformats-officedocument.spreadsheetml.worksheet+xml"/>
  <Override PartName="/xl/worksheets/sheet305.xml" ContentType="application/vnd.openxmlformats-officedocument.spreadsheetml.worksheet+xml"/>
  <Override PartName="/xl/worksheets/sheet306.xml" ContentType="application/vnd.openxmlformats-officedocument.spreadsheetml.worksheet+xml"/>
  <Override PartName="/xl/worksheets/sheet307.xml" ContentType="application/vnd.openxmlformats-officedocument.spreadsheetml.worksheet+xml"/>
  <Override PartName="/xl/worksheets/sheet308.xml" ContentType="application/vnd.openxmlformats-officedocument.spreadsheetml.worksheet+xml"/>
  <Override PartName="/xl/worksheets/sheet309.xml" ContentType="application/vnd.openxmlformats-officedocument.spreadsheetml.worksheet+xml"/>
  <Override PartName="/xl/worksheets/sheet310.xml" ContentType="application/vnd.openxmlformats-officedocument.spreadsheetml.worksheet+xml"/>
  <Override PartName="/xl/worksheets/sheet311.xml" ContentType="application/vnd.openxmlformats-officedocument.spreadsheetml.worksheet+xml"/>
  <Override PartName="/xl/worksheets/sheet312.xml" ContentType="application/vnd.openxmlformats-officedocument.spreadsheetml.worksheet+xml"/>
  <Override PartName="/xl/worksheets/sheet313.xml" ContentType="application/vnd.openxmlformats-officedocument.spreadsheetml.worksheet+xml"/>
  <Override PartName="/xl/worksheets/sheet314.xml" ContentType="application/vnd.openxmlformats-officedocument.spreadsheetml.worksheet+xml"/>
  <Override PartName="/xl/worksheets/sheet315.xml" ContentType="application/vnd.openxmlformats-officedocument.spreadsheetml.worksheet+xml"/>
  <Override PartName="/xl/worksheets/sheet316.xml" ContentType="application/vnd.openxmlformats-officedocument.spreadsheetml.worksheet+xml"/>
  <Override PartName="/xl/worksheets/sheet317.xml" ContentType="application/vnd.openxmlformats-officedocument.spreadsheetml.worksheet+xml"/>
  <Override PartName="/xl/worksheets/sheet318.xml" ContentType="application/vnd.openxmlformats-officedocument.spreadsheetml.worksheet+xml"/>
  <Override PartName="/xl/worksheets/sheet319.xml" ContentType="application/vnd.openxmlformats-officedocument.spreadsheetml.worksheet+xml"/>
  <Override PartName="/xl/worksheets/sheet320.xml" ContentType="application/vnd.openxmlformats-officedocument.spreadsheetml.worksheet+xml"/>
  <Override PartName="/xl/worksheets/sheet321.xml" ContentType="application/vnd.openxmlformats-officedocument.spreadsheetml.worksheet+xml"/>
  <Override PartName="/xl/worksheets/sheet322.xml" ContentType="application/vnd.openxmlformats-officedocument.spreadsheetml.worksheet+xml"/>
  <Override PartName="/xl/worksheets/sheet323.xml" ContentType="application/vnd.openxmlformats-officedocument.spreadsheetml.worksheet+xml"/>
  <Override PartName="/xl/worksheets/sheet324.xml" ContentType="application/vnd.openxmlformats-officedocument.spreadsheetml.worksheet+xml"/>
  <Override PartName="/xl/worksheets/sheet325.xml" ContentType="application/vnd.openxmlformats-officedocument.spreadsheetml.worksheet+xml"/>
  <Override PartName="/xl/worksheets/sheet326.xml" ContentType="application/vnd.openxmlformats-officedocument.spreadsheetml.worksheet+xml"/>
  <Override PartName="/xl/worksheets/sheet327.xml" ContentType="application/vnd.openxmlformats-officedocument.spreadsheetml.worksheet+xml"/>
  <Override PartName="/xl/worksheets/sheet328.xml" ContentType="application/vnd.openxmlformats-officedocument.spreadsheetml.worksheet+xml"/>
  <Override PartName="/xl/worksheets/sheet329.xml" ContentType="application/vnd.openxmlformats-officedocument.spreadsheetml.worksheet+xml"/>
  <Override PartName="/xl/worksheets/sheet330.xml" ContentType="application/vnd.openxmlformats-officedocument.spreadsheetml.worksheet+xml"/>
  <Override PartName="/xl/worksheets/sheet331.xml" ContentType="application/vnd.openxmlformats-officedocument.spreadsheetml.worksheet+xml"/>
  <Override PartName="/xl/worksheets/sheet332.xml" ContentType="application/vnd.openxmlformats-officedocument.spreadsheetml.worksheet+xml"/>
  <Override PartName="/xl/worksheets/sheet333.xml" ContentType="application/vnd.openxmlformats-officedocument.spreadsheetml.worksheet+xml"/>
  <Override PartName="/xl/worksheets/sheet334.xml" ContentType="application/vnd.openxmlformats-officedocument.spreadsheetml.worksheet+xml"/>
  <Override PartName="/xl/worksheets/sheet335.xml" ContentType="application/vnd.openxmlformats-officedocument.spreadsheetml.worksheet+xml"/>
  <Override PartName="/xl/worksheets/sheet336.xml" ContentType="application/vnd.openxmlformats-officedocument.spreadsheetml.worksheet+xml"/>
  <Override PartName="/xl/worksheets/sheet337.xml" ContentType="application/vnd.openxmlformats-officedocument.spreadsheetml.worksheet+xml"/>
  <Override PartName="/xl/worksheets/sheet338.xml" ContentType="application/vnd.openxmlformats-officedocument.spreadsheetml.worksheet+xml"/>
  <Override PartName="/xl/worksheets/sheet339.xml" ContentType="application/vnd.openxmlformats-officedocument.spreadsheetml.worksheet+xml"/>
  <Override PartName="/xl/worksheets/sheet340.xml" ContentType="application/vnd.openxmlformats-officedocument.spreadsheetml.worksheet+xml"/>
  <Override PartName="/xl/worksheets/sheet341.xml" ContentType="application/vnd.openxmlformats-officedocument.spreadsheetml.worksheet+xml"/>
  <Override PartName="/xl/worksheets/sheet342.xml" ContentType="application/vnd.openxmlformats-officedocument.spreadsheetml.worksheet+xml"/>
  <Override PartName="/xl/worksheets/sheet343.xml" ContentType="application/vnd.openxmlformats-officedocument.spreadsheetml.worksheet+xml"/>
  <Override PartName="/xl/worksheets/sheet344.xml" ContentType="application/vnd.openxmlformats-officedocument.spreadsheetml.worksheet+xml"/>
  <Override PartName="/xl/worksheets/sheet345.xml" ContentType="application/vnd.openxmlformats-officedocument.spreadsheetml.worksheet+xml"/>
  <Override PartName="/xl/worksheets/sheet346.xml" ContentType="application/vnd.openxmlformats-officedocument.spreadsheetml.worksheet+xml"/>
  <Override PartName="/xl/worksheets/sheet347.xml" ContentType="application/vnd.openxmlformats-officedocument.spreadsheetml.worksheet+xml"/>
  <Override PartName="/xl/worksheets/sheet348.xml" ContentType="application/vnd.openxmlformats-officedocument.spreadsheetml.worksheet+xml"/>
  <Override PartName="/xl/worksheets/sheet349.xml" ContentType="application/vnd.openxmlformats-officedocument.spreadsheetml.worksheet+xml"/>
  <Override PartName="/xl/worksheets/sheet350.xml" ContentType="application/vnd.openxmlformats-officedocument.spreadsheetml.worksheet+xml"/>
  <Override PartName="/xl/worksheets/sheet351.xml" ContentType="application/vnd.openxmlformats-officedocument.spreadsheetml.worksheet+xml"/>
  <Override PartName="/xl/worksheets/sheet352.xml" ContentType="application/vnd.openxmlformats-officedocument.spreadsheetml.worksheet+xml"/>
  <Override PartName="/xl/worksheets/sheet353.xml" ContentType="application/vnd.openxmlformats-officedocument.spreadsheetml.worksheet+xml"/>
  <Override PartName="/xl/worksheets/sheet354.xml" ContentType="application/vnd.openxmlformats-officedocument.spreadsheetml.worksheet+xml"/>
  <Override PartName="/xl/worksheets/sheet355.xml" ContentType="application/vnd.openxmlformats-officedocument.spreadsheetml.worksheet+xml"/>
  <Override PartName="/xl/worksheets/sheet356.xml" ContentType="application/vnd.openxmlformats-officedocument.spreadsheetml.worksheet+xml"/>
  <Override PartName="/xl/worksheets/sheet357.xml" ContentType="application/vnd.openxmlformats-officedocument.spreadsheetml.worksheet+xml"/>
  <Override PartName="/xl/worksheets/sheet358.xml" ContentType="application/vnd.openxmlformats-officedocument.spreadsheetml.worksheet+xml"/>
  <Override PartName="/xl/worksheets/sheet359.xml" ContentType="application/vnd.openxmlformats-officedocument.spreadsheetml.worksheet+xml"/>
  <Override PartName="/xl/worksheets/sheet360.xml" ContentType="application/vnd.openxmlformats-officedocument.spreadsheetml.worksheet+xml"/>
  <Override PartName="/xl/worksheets/sheet361.xml" ContentType="application/vnd.openxmlformats-officedocument.spreadsheetml.worksheet+xml"/>
  <Override PartName="/xl/worksheets/sheet362.xml" ContentType="application/vnd.openxmlformats-officedocument.spreadsheetml.worksheet+xml"/>
  <Override PartName="/xl/worksheets/sheet363.xml" ContentType="application/vnd.openxmlformats-officedocument.spreadsheetml.worksheet+xml"/>
  <Override PartName="/xl/worksheets/sheet364.xml" ContentType="application/vnd.openxmlformats-officedocument.spreadsheetml.worksheet+xml"/>
  <Override PartName="/xl/worksheets/sheet365.xml" ContentType="application/vnd.openxmlformats-officedocument.spreadsheetml.worksheet+xml"/>
  <Override PartName="/xl/worksheets/sheet366.xml" ContentType="application/vnd.openxmlformats-officedocument.spreadsheetml.worksheet+xml"/>
  <Override PartName="/xl/worksheets/sheet367.xml" ContentType="application/vnd.openxmlformats-officedocument.spreadsheetml.worksheet+xml"/>
  <Override PartName="/xl/worksheets/sheet368.xml" ContentType="application/vnd.openxmlformats-officedocument.spreadsheetml.worksheet+xml"/>
  <Override PartName="/xl/worksheets/sheet369.xml" ContentType="application/vnd.openxmlformats-officedocument.spreadsheetml.worksheet+xml"/>
  <Override PartName="/xl/worksheets/sheet370.xml" ContentType="application/vnd.openxmlformats-officedocument.spreadsheetml.worksheet+xml"/>
  <Override PartName="/xl/worksheets/sheet371.xml" ContentType="application/vnd.openxmlformats-officedocument.spreadsheetml.worksheet+xml"/>
  <Override PartName="/xl/worksheets/sheet372.xml" ContentType="application/vnd.openxmlformats-officedocument.spreadsheetml.worksheet+xml"/>
  <Override PartName="/xl/worksheets/sheet373.xml" ContentType="application/vnd.openxmlformats-officedocument.spreadsheetml.worksheet+xml"/>
  <Override PartName="/xl/worksheets/sheet374.xml" ContentType="application/vnd.openxmlformats-officedocument.spreadsheetml.worksheet+xml"/>
  <Override PartName="/xl/worksheets/sheet375.xml" ContentType="application/vnd.openxmlformats-officedocument.spreadsheetml.worksheet+xml"/>
  <Override PartName="/xl/worksheets/sheet376.xml" ContentType="application/vnd.openxmlformats-officedocument.spreadsheetml.worksheet+xml"/>
  <Override PartName="/xl/worksheets/sheet377.xml" ContentType="application/vnd.openxmlformats-officedocument.spreadsheetml.worksheet+xml"/>
  <Override PartName="/xl/worksheets/sheet378.xml" ContentType="application/vnd.openxmlformats-officedocument.spreadsheetml.worksheet+xml"/>
  <Override PartName="/xl/worksheets/sheet379.xml" ContentType="application/vnd.openxmlformats-officedocument.spreadsheetml.worksheet+xml"/>
  <Override PartName="/xl/worksheets/sheet380.xml" ContentType="application/vnd.openxmlformats-officedocument.spreadsheetml.worksheet+xml"/>
  <Override PartName="/xl/worksheets/sheet381.xml" ContentType="application/vnd.openxmlformats-officedocument.spreadsheetml.worksheet+xml"/>
  <Override PartName="/xl/worksheets/sheet382.xml" ContentType="application/vnd.openxmlformats-officedocument.spreadsheetml.worksheet+xml"/>
  <Override PartName="/xl/worksheets/sheet383.xml" ContentType="application/vnd.openxmlformats-officedocument.spreadsheetml.worksheet+xml"/>
  <Override PartName="/xl/worksheets/sheet384.xml" ContentType="application/vnd.openxmlformats-officedocument.spreadsheetml.worksheet+xml"/>
  <Override PartName="/xl/worksheets/sheet385.xml" ContentType="application/vnd.openxmlformats-officedocument.spreadsheetml.worksheet+xml"/>
  <Override PartName="/xl/worksheets/sheet386.xml" ContentType="application/vnd.openxmlformats-officedocument.spreadsheetml.worksheet+xml"/>
  <Override PartName="/xl/worksheets/sheet387.xml" ContentType="application/vnd.openxmlformats-officedocument.spreadsheetml.worksheet+xml"/>
  <Override PartName="/xl/worksheets/sheet388.xml" ContentType="application/vnd.openxmlformats-officedocument.spreadsheetml.worksheet+xml"/>
  <Override PartName="/xl/worksheets/sheet389.xml" ContentType="application/vnd.openxmlformats-officedocument.spreadsheetml.worksheet+xml"/>
  <Override PartName="/xl/worksheets/sheet390.xml" ContentType="application/vnd.openxmlformats-officedocument.spreadsheetml.worksheet+xml"/>
  <Override PartName="/xl/worksheets/sheet391.xml" ContentType="application/vnd.openxmlformats-officedocument.spreadsheetml.worksheet+xml"/>
  <Override PartName="/xl/worksheets/sheet392.xml" ContentType="application/vnd.openxmlformats-officedocument.spreadsheetml.worksheet+xml"/>
  <Override PartName="/xl/worksheets/sheet393.xml" ContentType="application/vnd.openxmlformats-officedocument.spreadsheetml.worksheet+xml"/>
  <Override PartName="/xl/worksheets/sheet394.xml" ContentType="application/vnd.openxmlformats-officedocument.spreadsheetml.worksheet+xml"/>
  <Override PartName="/xl/worksheets/sheet395.xml" ContentType="application/vnd.openxmlformats-officedocument.spreadsheetml.worksheet+xml"/>
  <Override PartName="/xl/worksheets/sheet396.xml" ContentType="application/vnd.openxmlformats-officedocument.spreadsheetml.worksheet+xml"/>
  <Override PartName="/xl/worksheets/sheet397.xml" ContentType="application/vnd.openxmlformats-officedocument.spreadsheetml.worksheet+xml"/>
  <Override PartName="/xl/worksheets/sheet398.xml" ContentType="application/vnd.openxmlformats-officedocument.spreadsheetml.worksheet+xml"/>
  <Override PartName="/xl/worksheets/sheet399.xml" ContentType="application/vnd.openxmlformats-officedocument.spreadsheetml.worksheet+xml"/>
  <Override PartName="/xl/worksheets/sheet400.xml" ContentType="application/vnd.openxmlformats-officedocument.spreadsheetml.worksheet+xml"/>
  <Override PartName="/xl/worksheets/sheet401.xml" ContentType="application/vnd.openxmlformats-officedocument.spreadsheetml.worksheet+xml"/>
  <Override PartName="/xl/worksheets/sheet402.xml" ContentType="application/vnd.openxmlformats-officedocument.spreadsheetml.worksheet+xml"/>
  <Override PartName="/xl/worksheets/sheet403.xml" ContentType="application/vnd.openxmlformats-officedocument.spreadsheetml.worksheet+xml"/>
  <Override PartName="/xl/worksheets/sheet404.xml" ContentType="application/vnd.openxmlformats-officedocument.spreadsheetml.worksheet+xml"/>
  <Override PartName="/xl/worksheets/sheet405.xml" ContentType="application/vnd.openxmlformats-officedocument.spreadsheetml.worksheet+xml"/>
  <Override PartName="/xl/worksheets/sheet406.xml" ContentType="application/vnd.openxmlformats-officedocument.spreadsheetml.worksheet+xml"/>
  <Override PartName="/xl/worksheets/sheet407.xml" ContentType="application/vnd.openxmlformats-officedocument.spreadsheetml.worksheet+xml"/>
  <Override PartName="/xl/worksheets/sheet408.xml" ContentType="application/vnd.openxmlformats-officedocument.spreadsheetml.worksheet+xml"/>
  <Override PartName="/xl/worksheets/sheet409.xml" ContentType="application/vnd.openxmlformats-officedocument.spreadsheetml.worksheet+xml"/>
  <Override PartName="/xl/worksheets/sheet410.xml" ContentType="application/vnd.openxmlformats-officedocument.spreadsheetml.worksheet+xml"/>
  <Override PartName="/xl/worksheets/sheet411.xml" ContentType="application/vnd.openxmlformats-officedocument.spreadsheetml.worksheet+xml"/>
  <Override PartName="/xl/worksheets/sheet412.xml" ContentType="application/vnd.openxmlformats-officedocument.spreadsheetml.worksheet+xml"/>
  <Override PartName="/xl/worksheets/sheet413.xml" ContentType="application/vnd.openxmlformats-officedocument.spreadsheetml.worksheet+xml"/>
  <Override PartName="/xl/worksheets/sheet414.xml" ContentType="application/vnd.openxmlformats-officedocument.spreadsheetml.worksheet+xml"/>
  <Override PartName="/xl/worksheets/sheet415.xml" ContentType="application/vnd.openxmlformats-officedocument.spreadsheetml.worksheet+xml"/>
  <Override PartName="/xl/worksheets/sheet416.xml" ContentType="application/vnd.openxmlformats-officedocument.spreadsheetml.worksheet+xml"/>
  <Override PartName="/xl/worksheets/sheet417.xml" ContentType="application/vnd.openxmlformats-officedocument.spreadsheetml.worksheet+xml"/>
  <Override PartName="/xl/worksheets/sheet418.xml" ContentType="application/vnd.openxmlformats-officedocument.spreadsheetml.worksheet+xml"/>
  <Override PartName="/xl/worksheets/sheet419.xml" ContentType="application/vnd.openxmlformats-officedocument.spreadsheetml.worksheet+xml"/>
  <Override PartName="/xl/worksheets/sheet420.xml" ContentType="application/vnd.openxmlformats-officedocument.spreadsheetml.worksheet+xml"/>
  <Override PartName="/xl/worksheets/sheet421.xml" ContentType="application/vnd.openxmlformats-officedocument.spreadsheetml.worksheet+xml"/>
  <Override PartName="/xl/worksheets/sheet422.xml" ContentType="application/vnd.openxmlformats-officedocument.spreadsheetml.worksheet+xml"/>
  <Override PartName="/xl/worksheets/sheet423.xml" ContentType="application/vnd.openxmlformats-officedocument.spreadsheetml.worksheet+xml"/>
  <Override PartName="/xl/worksheets/sheet424.xml" ContentType="application/vnd.openxmlformats-officedocument.spreadsheetml.worksheet+xml"/>
  <Override PartName="/xl/worksheets/sheet425.xml" ContentType="application/vnd.openxmlformats-officedocument.spreadsheetml.worksheet+xml"/>
  <Override PartName="/xl/worksheets/sheet426.xml" ContentType="application/vnd.openxmlformats-officedocument.spreadsheetml.worksheet+xml"/>
  <Override PartName="/xl/worksheets/sheet427.xml" ContentType="application/vnd.openxmlformats-officedocument.spreadsheetml.worksheet+xml"/>
  <Override PartName="/xl/worksheets/sheet428.xml" ContentType="application/vnd.openxmlformats-officedocument.spreadsheetml.worksheet+xml"/>
  <Override PartName="/xl/worksheets/sheet429.xml" ContentType="application/vnd.openxmlformats-officedocument.spreadsheetml.worksheet+xml"/>
  <Override PartName="/xl/worksheets/sheet430.xml" ContentType="application/vnd.openxmlformats-officedocument.spreadsheetml.worksheet+xml"/>
  <Override PartName="/xl/worksheets/sheet431.xml" ContentType="application/vnd.openxmlformats-officedocument.spreadsheetml.worksheet+xml"/>
  <Override PartName="/xl/worksheets/sheet432.xml" ContentType="application/vnd.openxmlformats-officedocument.spreadsheetml.worksheet+xml"/>
  <Override PartName="/xl/worksheets/sheet433.xml" ContentType="application/vnd.openxmlformats-officedocument.spreadsheetml.worksheet+xml"/>
  <Override PartName="/xl/worksheets/sheet434.xml" ContentType="application/vnd.openxmlformats-officedocument.spreadsheetml.worksheet+xml"/>
  <Override PartName="/xl/worksheets/sheet435.xml" ContentType="application/vnd.openxmlformats-officedocument.spreadsheetml.worksheet+xml"/>
  <Override PartName="/xl/worksheets/sheet436.xml" ContentType="application/vnd.openxmlformats-officedocument.spreadsheetml.worksheet+xml"/>
  <Override PartName="/xl/worksheets/sheet437.xml" ContentType="application/vnd.openxmlformats-officedocument.spreadsheetml.worksheet+xml"/>
  <Override PartName="/xl/worksheets/sheet438.xml" ContentType="application/vnd.openxmlformats-officedocument.spreadsheetml.worksheet+xml"/>
  <Override PartName="/xl/worksheets/sheet439.xml" ContentType="application/vnd.openxmlformats-officedocument.spreadsheetml.worksheet+xml"/>
  <Override PartName="/xl/worksheets/sheet440.xml" ContentType="application/vnd.openxmlformats-officedocument.spreadsheetml.worksheet+xml"/>
  <Override PartName="/xl/worksheets/sheet441.xml" ContentType="application/vnd.openxmlformats-officedocument.spreadsheetml.worksheet+xml"/>
  <Override PartName="/xl/worksheets/sheet44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drawings/drawing22.xml" ContentType="application/vnd.openxmlformats-officedocument.drawing+xml"/>
  <Override PartName="/xl/drawings/drawing23.xml" ContentType="application/vnd.openxmlformats-officedocument.drawing+xml"/>
  <Override PartName="/xl/drawings/drawing24.xml" ContentType="application/vnd.openxmlformats-officedocument.drawing+xml"/>
  <Override PartName="/xl/drawings/drawing25.xml" ContentType="application/vnd.openxmlformats-officedocument.drawing+xml"/>
  <Override PartName="/xl/drawings/drawing26.xml" ContentType="application/vnd.openxmlformats-officedocument.drawing+xml"/>
  <Override PartName="/xl/drawings/drawing27.xml" ContentType="application/vnd.openxmlformats-officedocument.drawing+xml"/>
  <Override PartName="/xl/drawings/drawing28.xml" ContentType="application/vnd.openxmlformats-officedocument.drawing+xml"/>
  <Override PartName="/xl/drawings/drawing29.xml" ContentType="application/vnd.openxmlformats-officedocument.drawing+xml"/>
  <Override PartName="/xl/drawings/drawing30.xml" ContentType="application/vnd.openxmlformats-officedocument.drawing+xml"/>
  <Override PartName="/xl/drawings/drawing31.xml" ContentType="application/vnd.openxmlformats-officedocument.drawing+xml"/>
  <Override PartName="/xl/drawings/drawing32.xml" ContentType="application/vnd.openxmlformats-officedocument.drawing+xml"/>
  <Override PartName="/xl/drawings/drawing33.xml" ContentType="application/vnd.openxmlformats-officedocument.drawing+xml"/>
  <Override PartName="/xl/drawings/drawing34.xml" ContentType="application/vnd.openxmlformats-officedocument.drawing+xml"/>
  <Override PartName="/xl/drawings/drawing35.xml" ContentType="application/vnd.openxmlformats-officedocument.drawing+xml"/>
  <Override PartName="/xl/drawings/drawing36.xml" ContentType="application/vnd.openxmlformats-officedocument.drawing+xml"/>
  <Override PartName="/xl/drawings/drawing37.xml" ContentType="application/vnd.openxmlformats-officedocument.drawing+xml"/>
  <Override PartName="/xl/drawings/drawing38.xml" ContentType="application/vnd.openxmlformats-officedocument.drawing+xml"/>
  <Override PartName="/xl/drawings/drawing39.xml" ContentType="application/vnd.openxmlformats-officedocument.drawing+xml"/>
  <Override PartName="/xl/drawings/drawing40.xml" ContentType="application/vnd.openxmlformats-officedocument.drawing+xml"/>
  <Override PartName="/xl/drawings/drawing41.xml" ContentType="application/vnd.openxmlformats-officedocument.drawing+xml"/>
  <Override PartName="/xl/drawings/drawing42.xml" ContentType="application/vnd.openxmlformats-officedocument.drawing+xml"/>
  <Override PartName="/xl/drawings/drawing43.xml" ContentType="application/vnd.openxmlformats-officedocument.drawing+xml"/>
  <Override PartName="/xl/drawings/drawing44.xml" ContentType="application/vnd.openxmlformats-officedocument.drawing+xml"/>
  <Override PartName="/xl/drawings/drawing45.xml" ContentType="application/vnd.openxmlformats-officedocument.drawing+xml"/>
  <Override PartName="/xl/drawings/drawing46.xml" ContentType="application/vnd.openxmlformats-officedocument.drawing+xml"/>
  <Override PartName="/xl/drawings/drawing47.xml" ContentType="application/vnd.openxmlformats-officedocument.drawing+xml"/>
  <Override PartName="/xl/drawings/drawing48.xml" ContentType="application/vnd.openxmlformats-officedocument.drawing+xml"/>
  <Override PartName="/xl/drawings/drawing49.xml" ContentType="application/vnd.openxmlformats-officedocument.drawing+xml"/>
  <Override PartName="/xl/drawings/drawing50.xml" ContentType="application/vnd.openxmlformats-officedocument.drawing+xml"/>
  <Override PartName="/xl/drawings/drawing51.xml" ContentType="application/vnd.openxmlformats-officedocument.drawing+xml"/>
  <Override PartName="/xl/drawings/drawing52.xml" ContentType="application/vnd.openxmlformats-officedocument.drawing+xml"/>
  <Override PartName="/xl/drawings/drawing53.xml" ContentType="application/vnd.openxmlformats-officedocument.drawing+xml"/>
  <Override PartName="/xl/drawings/drawing54.xml" ContentType="application/vnd.openxmlformats-officedocument.drawing+xml"/>
  <Override PartName="/xl/drawings/drawing55.xml" ContentType="application/vnd.openxmlformats-officedocument.drawing+xml"/>
  <Override PartName="/xl/drawings/drawing56.xml" ContentType="application/vnd.openxmlformats-officedocument.drawing+xml"/>
  <Override PartName="/xl/drawings/drawing57.xml" ContentType="application/vnd.openxmlformats-officedocument.drawing+xml"/>
  <Override PartName="/xl/drawings/drawing58.xml" ContentType="application/vnd.openxmlformats-officedocument.drawing+xml"/>
  <Override PartName="/xl/drawings/drawing59.xml" ContentType="application/vnd.openxmlformats-officedocument.drawing+xml"/>
  <Override PartName="/xl/drawings/drawing60.xml" ContentType="application/vnd.openxmlformats-officedocument.drawing+xml"/>
  <Override PartName="/xl/drawings/drawing61.xml" ContentType="application/vnd.openxmlformats-officedocument.drawing+xml"/>
  <Override PartName="/xl/drawings/drawing62.xml" ContentType="application/vnd.openxmlformats-officedocument.drawing+xml"/>
  <Override PartName="/xl/drawings/drawing63.xml" ContentType="application/vnd.openxmlformats-officedocument.drawing+xml"/>
  <Override PartName="/xl/drawings/drawing64.xml" ContentType="application/vnd.openxmlformats-officedocument.drawing+xml"/>
  <Override PartName="/xl/drawings/drawing65.xml" ContentType="application/vnd.openxmlformats-officedocument.drawing+xml"/>
  <Override PartName="/xl/drawings/drawing66.xml" ContentType="application/vnd.openxmlformats-officedocument.drawing+xml"/>
  <Override PartName="/xl/drawings/drawing67.xml" ContentType="application/vnd.openxmlformats-officedocument.drawing+xml"/>
  <Override PartName="/xl/drawings/drawing68.xml" ContentType="application/vnd.openxmlformats-officedocument.drawing+xml"/>
  <Override PartName="/xl/drawings/drawing69.xml" ContentType="application/vnd.openxmlformats-officedocument.drawing+xml"/>
  <Override PartName="/xl/drawings/drawing70.xml" ContentType="application/vnd.openxmlformats-officedocument.drawing+xml"/>
  <Override PartName="/xl/drawings/drawing71.xml" ContentType="application/vnd.openxmlformats-officedocument.drawing+xml"/>
  <Override PartName="/xl/drawings/drawing72.xml" ContentType="application/vnd.openxmlformats-officedocument.drawing+xml"/>
  <Override PartName="/xl/drawings/drawing73.xml" ContentType="application/vnd.openxmlformats-officedocument.drawing+xml"/>
  <Override PartName="/xl/drawings/drawing74.xml" ContentType="application/vnd.openxmlformats-officedocument.drawing+xml"/>
  <Override PartName="/xl/drawings/drawing75.xml" ContentType="application/vnd.openxmlformats-officedocument.drawing+xml"/>
  <Override PartName="/xl/drawings/drawing76.xml" ContentType="application/vnd.openxmlformats-officedocument.drawing+xml"/>
  <Override PartName="/xl/drawings/drawing77.xml" ContentType="application/vnd.openxmlformats-officedocument.drawing+xml"/>
  <Override PartName="/xl/drawings/drawing78.xml" ContentType="application/vnd.openxmlformats-officedocument.drawing+xml"/>
  <Override PartName="/xl/drawings/drawing79.xml" ContentType="application/vnd.openxmlformats-officedocument.drawing+xml"/>
  <Override PartName="/xl/drawings/drawing80.xml" ContentType="application/vnd.openxmlformats-officedocument.drawing+xml"/>
  <Override PartName="/xl/drawings/drawing81.xml" ContentType="application/vnd.openxmlformats-officedocument.drawing+xml"/>
  <Override PartName="/xl/drawings/drawing82.xml" ContentType="application/vnd.openxmlformats-officedocument.drawing+xml"/>
  <Override PartName="/xl/drawings/drawing83.xml" ContentType="application/vnd.openxmlformats-officedocument.drawing+xml"/>
  <Override PartName="/xl/drawings/drawing84.xml" ContentType="application/vnd.openxmlformats-officedocument.drawing+xml"/>
  <Override PartName="/xl/drawings/drawing85.xml" ContentType="application/vnd.openxmlformats-officedocument.drawing+xml"/>
  <Override PartName="/xl/drawings/drawing86.xml" ContentType="application/vnd.openxmlformats-officedocument.drawing+xml"/>
  <Override PartName="/xl/drawings/drawing87.xml" ContentType="application/vnd.openxmlformats-officedocument.drawing+xml"/>
  <Override PartName="/xl/drawings/drawing88.xml" ContentType="application/vnd.openxmlformats-officedocument.drawing+xml"/>
  <Override PartName="/xl/drawings/drawing89.xml" ContentType="application/vnd.openxmlformats-officedocument.drawing+xml"/>
  <Override PartName="/xl/drawings/drawing90.xml" ContentType="application/vnd.openxmlformats-officedocument.drawing+xml"/>
  <Override PartName="/xl/drawings/drawing91.xml" ContentType="application/vnd.openxmlformats-officedocument.drawing+xml"/>
  <Override PartName="/xl/drawings/drawing92.xml" ContentType="application/vnd.openxmlformats-officedocument.drawing+xml"/>
  <Override PartName="/xl/drawings/drawing93.xml" ContentType="application/vnd.openxmlformats-officedocument.drawing+xml"/>
  <Override PartName="/xl/drawings/drawing94.xml" ContentType="application/vnd.openxmlformats-officedocument.drawing+xml"/>
  <Override PartName="/xl/drawings/drawing95.xml" ContentType="application/vnd.openxmlformats-officedocument.drawing+xml"/>
  <Override PartName="/xl/drawings/drawing96.xml" ContentType="application/vnd.openxmlformats-officedocument.drawing+xml"/>
  <Override PartName="/xl/drawings/drawing97.xml" ContentType="application/vnd.openxmlformats-officedocument.drawing+xml"/>
  <Override PartName="/xl/drawings/drawing98.xml" ContentType="application/vnd.openxmlformats-officedocument.drawing+xml"/>
  <Override PartName="/xl/drawings/drawing99.xml" ContentType="application/vnd.openxmlformats-officedocument.drawing+xml"/>
  <Override PartName="/xl/drawings/drawing100.xml" ContentType="application/vnd.openxmlformats-officedocument.drawing+xml"/>
  <Override PartName="/xl/drawings/drawing101.xml" ContentType="application/vnd.openxmlformats-officedocument.drawing+xml"/>
  <Override PartName="/xl/drawings/drawing102.xml" ContentType="application/vnd.openxmlformats-officedocument.drawing+xml"/>
  <Override PartName="/xl/drawings/drawing103.xml" ContentType="application/vnd.openxmlformats-officedocument.drawing+xml"/>
  <Override PartName="/xl/drawings/drawing104.xml" ContentType="application/vnd.openxmlformats-officedocument.drawing+xml"/>
  <Override PartName="/xl/drawings/drawing105.xml" ContentType="application/vnd.openxmlformats-officedocument.drawing+xml"/>
  <Override PartName="/xl/drawings/drawing106.xml" ContentType="application/vnd.openxmlformats-officedocument.drawing+xml"/>
  <Override PartName="/xl/drawings/drawing107.xml" ContentType="application/vnd.openxmlformats-officedocument.drawing+xml"/>
  <Override PartName="/xl/drawings/drawing108.xml" ContentType="application/vnd.openxmlformats-officedocument.drawing+xml"/>
  <Override PartName="/xl/drawings/drawing109.xml" ContentType="application/vnd.openxmlformats-officedocument.drawing+xml"/>
  <Override PartName="/xl/drawings/drawing110.xml" ContentType="application/vnd.openxmlformats-officedocument.drawing+xml"/>
  <Override PartName="/xl/drawings/drawing111.xml" ContentType="application/vnd.openxmlformats-officedocument.drawing+xml"/>
  <Override PartName="/xl/drawings/drawing112.xml" ContentType="application/vnd.openxmlformats-officedocument.drawing+xml"/>
  <Override PartName="/xl/drawings/drawing113.xml" ContentType="application/vnd.openxmlformats-officedocument.drawing+xml"/>
  <Override PartName="/xl/drawings/drawing114.xml" ContentType="application/vnd.openxmlformats-officedocument.drawing+xml"/>
  <Override PartName="/xl/drawings/drawing115.xml" ContentType="application/vnd.openxmlformats-officedocument.drawing+xml"/>
  <Override PartName="/xl/drawings/drawing116.xml" ContentType="application/vnd.openxmlformats-officedocument.drawing+xml"/>
  <Override PartName="/xl/drawings/drawing117.xml" ContentType="application/vnd.openxmlformats-officedocument.drawing+xml"/>
  <Override PartName="/xl/drawings/drawing118.xml" ContentType="application/vnd.openxmlformats-officedocument.drawing+xml"/>
  <Override PartName="/xl/drawings/drawing119.xml" ContentType="application/vnd.openxmlformats-officedocument.drawing+xml"/>
  <Override PartName="/xl/drawings/drawing120.xml" ContentType="application/vnd.openxmlformats-officedocument.drawing+xml"/>
  <Override PartName="/xl/drawings/drawing121.xml" ContentType="application/vnd.openxmlformats-officedocument.drawing+xml"/>
  <Override PartName="/xl/drawings/drawing122.xml" ContentType="application/vnd.openxmlformats-officedocument.drawing+xml"/>
  <Override PartName="/xl/drawings/drawing123.xml" ContentType="application/vnd.openxmlformats-officedocument.drawing+xml"/>
  <Override PartName="/xl/drawings/drawing124.xml" ContentType="application/vnd.openxmlformats-officedocument.drawing+xml"/>
  <Override PartName="/xl/drawings/drawing125.xml" ContentType="application/vnd.openxmlformats-officedocument.drawing+xml"/>
  <Override PartName="/xl/drawings/drawing126.xml" ContentType="application/vnd.openxmlformats-officedocument.drawing+xml"/>
  <Override PartName="/xl/drawings/drawing127.xml" ContentType="application/vnd.openxmlformats-officedocument.drawing+xml"/>
  <Override PartName="/xl/drawings/drawing128.xml" ContentType="application/vnd.openxmlformats-officedocument.drawing+xml"/>
  <Override PartName="/xl/drawings/drawing129.xml" ContentType="application/vnd.openxmlformats-officedocument.drawing+xml"/>
  <Override PartName="/xl/drawings/drawing130.xml" ContentType="application/vnd.openxmlformats-officedocument.drawing+xml"/>
  <Override PartName="/xl/drawings/drawing131.xml" ContentType="application/vnd.openxmlformats-officedocument.drawing+xml"/>
  <Override PartName="/xl/drawings/drawing132.xml" ContentType="application/vnd.openxmlformats-officedocument.drawing+xml"/>
  <Override PartName="/xl/drawings/drawing133.xml" ContentType="application/vnd.openxmlformats-officedocument.drawing+xml"/>
  <Override PartName="/xl/drawings/drawing134.xml" ContentType="application/vnd.openxmlformats-officedocument.drawing+xml"/>
  <Override PartName="/xl/drawings/drawing135.xml" ContentType="application/vnd.openxmlformats-officedocument.drawing+xml"/>
  <Override PartName="/xl/drawings/drawing136.xml" ContentType="application/vnd.openxmlformats-officedocument.drawing+xml"/>
  <Override PartName="/xl/drawings/drawing137.xml" ContentType="application/vnd.openxmlformats-officedocument.drawing+xml"/>
  <Override PartName="/xl/drawings/drawing138.xml" ContentType="application/vnd.openxmlformats-officedocument.drawing+xml"/>
  <Override PartName="/xl/drawings/drawing139.xml" ContentType="application/vnd.openxmlformats-officedocument.drawing+xml"/>
  <Override PartName="/xl/drawings/drawing140.xml" ContentType="application/vnd.openxmlformats-officedocument.drawing+xml"/>
  <Override PartName="/xl/drawings/drawing141.xml" ContentType="application/vnd.openxmlformats-officedocument.drawing+xml"/>
  <Override PartName="/xl/drawings/drawing142.xml" ContentType="application/vnd.openxmlformats-officedocument.drawing+xml"/>
  <Override PartName="/xl/drawings/drawing143.xml" ContentType="application/vnd.openxmlformats-officedocument.drawing+xml"/>
  <Override PartName="/xl/drawings/drawing144.xml" ContentType="application/vnd.openxmlformats-officedocument.drawing+xml"/>
  <Override PartName="/xl/drawings/drawing145.xml" ContentType="application/vnd.openxmlformats-officedocument.drawing+xml"/>
  <Override PartName="/xl/drawings/drawing146.xml" ContentType="application/vnd.openxmlformats-officedocument.drawing+xml"/>
  <Override PartName="/xl/drawings/drawing147.xml" ContentType="application/vnd.openxmlformats-officedocument.drawing+xml"/>
  <Override PartName="/xl/drawings/drawing148.xml" ContentType="application/vnd.openxmlformats-officedocument.drawing+xml"/>
  <Override PartName="/xl/drawings/drawing149.xml" ContentType="application/vnd.openxmlformats-officedocument.drawing+xml"/>
  <Override PartName="/xl/drawings/drawing150.xml" ContentType="application/vnd.openxmlformats-officedocument.drawing+xml"/>
  <Override PartName="/xl/drawings/drawing151.xml" ContentType="application/vnd.openxmlformats-officedocument.drawing+xml"/>
  <Override PartName="/xl/drawings/drawing152.xml" ContentType="application/vnd.openxmlformats-officedocument.drawing+xml"/>
  <Override PartName="/xl/drawings/drawing153.xml" ContentType="application/vnd.openxmlformats-officedocument.drawing+xml"/>
  <Override PartName="/xl/drawings/drawing154.xml" ContentType="application/vnd.openxmlformats-officedocument.drawing+xml"/>
  <Override PartName="/xl/drawings/drawing155.xml" ContentType="application/vnd.openxmlformats-officedocument.drawing+xml"/>
  <Override PartName="/xl/drawings/drawing156.xml" ContentType="application/vnd.openxmlformats-officedocument.drawing+xml"/>
  <Override PartName="/xl/drawings/drawing157.xml" ContentType="application/vnd.openxmlformats-officedocument.drawing+xml"/>
  <Override PartName="/xl/drawings/drawing158.xml" ContentType="application/vnd.openxmlformats-officedocument.drawing+xml"/>
  <Override PartName="/xl/drawings/drawing159.xml" ContentType="application/vnd.openxmlformats-officedocument.drawing+xml"/>
  <Override PartName="/xl/drawings/drawing160.xml" ContentType="application/vnd.openxmlformats-officedocument.drawing+xml"/>
  <Override PartName="/xl/drawings/drawing161.xml" ContentType="application/vnd.openxmlformats-officedocument.drawing+xml"/>
  <Override PartName="/xl/drawings/drawing162.xml" ContentType="application/vnd.openxmlformats-officedocument.drawing+xml"/>
  <Override PartName="/xl/drawings/drawing163.xml" ContentType="application/vnd.openxmlformats-officedocument.drawing+xml"/>
  <Override PartName="/xl/drawings/drawing164.xml" ContentType="application/vnd.openxmlformats-officedocument.drawing+xml"/>
  <Override PartName="/xl/drawings/drawing165.xml" ContentType="application/vnd.openxmlformats-officedocument.drawing+xml"/>
  <Override PartName="/xl/drawings/drawing166.xml" ContentType="application/vnd.openxmlformats-officedocument.drawing+xml"/>
  <Override PartName="/xl/drawings/drawing167.xml" ContentType="application/vnd.openxmlformats-officedocument.drawing+xml"/>
  <Override PartName="/xl/drawings/drawing168.xml" ContentType="application/vnd.openxmlformats-officedocument.drawing+xml"/>
  <Override PartName="/xl/drawings/drawing169.xml" ContentType="application/vnd.openxmlformats-officedocument.drawing+xml"/>
  <Override PartName="/xl/drawings/drawing170.xml" ContentType="application/vnd.openxmlformats-officedocument.drawing+xml"/>
  <Override PartName="/xl/drawings/drawing171.xml" ContentType="application/vnd.openxmlformats-officedocument.drawing+xml"/>
  <Override PartName="/xl/drawings/drawing172.xml" ContentType="application/vnd.openxmlformats-officedocument.drawing+xml"/>
  <Override PartName="/xl/drawings/drawing173.xml" ContentType="application/vnd.openxmlformats-officedocument.drawing+xml"/>
  <Override PartName="/xl/drawings/drawing174.xml" ContentType="application/vnd.openxmlformats-officedocument.drawing+xml"/>
  <Override PartName="/xl/drawings/drawing175.xml" ContentType="application/vnd.openxmlformats-officedocument.drawing+xml"/>
  <Override PartName="/xl/drawings/drawing176.xml" ContentType="application/vnd.openxmlformats-officedocument.drawing+xml"/>
  <Override PartName="/xl/drawings/drawing177.xml" ContentType="application/vnd.openxmlformats-officedocument.drawing+xml"/>
  <Override PartName="/xl/drawings/drawing178.xml" ContentType="application/vnd.openxmlformats-officedocument.drawing+xml"/>
  <Override PartName="/xl/drawings/drawing179.xml" ContentType="application/vnd.openxmlformats-officedocument.drawing+xml"/>
  <Override PartName="/xl/drawings/drawing180.xml" ContentType="application/vnd.openxmlformats-officedocument.drawing+xml"/>
  <Override PartName="/xl/drawings/drawing181.xml" ContentType="application/vnd.openxmlformats-officedocument.drawing+xml"/>
  <Override PartName="/xl/drawings/drawing182.xml" ContentType="application/vnd.openxmlformats-officedocument.drawing+xml"/>
  <Override PartName="/xl/drawings/drawing183.xml" ContentType="application/vnd.openxmlformats-officedocument.drawing+xml"/>
  <Override PartName="/xl/drawings/drawing184.xml" ContentType="application/vnd.openxmlformats-officedocument.drawing+xml"/>
  <Override PartName="/xl/drawings/drawing185.xml" ContentType="application/vnd.openxmlformats-officedocument.drawing+xml"/>
  <Override PartName="/xl/drawings/drawing186.xml" ContentType="application/vnd.openxmlformats-officedocument.drawing+xml"/>
  <Override PartName="/xl/drawings/drawing187.xml" ContentType="application/vnd.openxmlformats-officedocument.drawing+xml"/>
  <Override PartName="/xl/drawings/drawing188.xml" ContentType="application/vnd.openxmlformats-officedocument.drawing+xml"/>
  <Override PartName="/xl/drawings/drawing189.xml" ContentType="application/vnd.openxmlformats-officedocument.drawing+xml"/>
  <Override PartName="/xl/drawings/drawing190.xml" ContentType="application/vnd.openxmlformats-officedocument.drawing+xml"/>
  <Override PartName="/xl/drawings/drawing191.xml" ContentType="application/vnd.openxmlformats-officedocument.drawing+xml"/>
  <Override PartName="/xl/drawings/drawing192.xml" ContentType="application/vnd.openxmlformats-officedocument.drawing+xml"/>
  <Override PartName="/xl/drawings/drawing193.xml" ContentType="application/vnd.openxmlformats-officedocument.drawing+xml"/>
  <Override PartName="/xl/drawings/drawing194.xml" ContentType="application/vnd.openxmlformats-officedocument.drawing+xml"/>
  <Override PartName="/xl/drawings/drawing195.xml" ContentType="application/vnd.openxmlformats-officedocument.drawing+xml"/>
  <Override PartName="/xl/drawings/drawing196.xml" ContentType="application/vnd.openxmlformats-officedocument.drawing+xml"/>
  <Override PartName="/xl/drawings/drawing197.xml" ContentType="application/vnd.openxmlformats-officedocument.drawing+xml"/>
  <Override PartName="/xl/drawings/drawing198.xml" ContentType="application/vnd.openxmlformats-officedocument.drawing+xml"/>
  <Override PartName="/xl/drawings/drawing199.xml" ContentType="application/vnd.openxmlformats-officedocument.drawing+xml"/>
  <Override PartName="/xl/drawings/drawing200.xml" ContentType="application/vnd.openxmlformats-officedocument.drawing+xml"/>
  <Override PartName="/xl/drawings/drawing201.xml" ContentType="application/vnd.openxmlformats-officedocument.drawing+xml"/>
  <Override PartName="/xl/drawings/drawing202.xml" ContentType="application/vnd.openxmlformats-officedocument.drawing+xml"/>
  <Override PartName="/xl/drawings/drawing203.xml" ContentType="application/vnd.openxmlformats-officedocument.drawing+xml"/>
  <Override PartName="/xl/drawings/drawing204.xml" ContentType="application/vnd.openxmlformats-officedocument.drawing+xml"/>
  <Override PartName="/xl/drawings/drawing205.xml" ContentType="application/vnd.openxmlformats-officedocument.drawing+xml"/>
  <Override PartName="/xl/drawings/drawing206.xml" ContentType="application/vnd.openxmlformats-officedocument.drawing+xml"/>
  <Override PartName="/xl/drawings/drawing207.xml" ContentType="application/vnd.openxmlformats-officedocument.drawing+xml"/>
  <Override PartName="/xl/drawings/drawing208.xml" ContentType="application/vnd.openxmlformats-officedocument.drawing+xml"/>
  <Override PartName="/xl/drawings/drawing209.xml" ContentType="application/vnd.openxmlformats-officedocument.drawing+xml"/>
  <Override PartName="/xl/drawings/drawing210.xml" ContentType="application/vnd.openxmlformats-officedocument.drawing+xml"/>
  <Override PartName="/xl/drawings/drawing211.xml" ContentType="application/vnd.openxmlformats-officedocument.drawing+xml"/>
  <Override PartName="/xl/drawings/drawing212.xml" ContentType="application/vnd.openxmlformats-officedocument.drawing+xml"/>
  <Override PartName="/xl/drawings/drawing213.xml" ContentType="application/vnd.openxmlformats-officedocument.drawing+xml"/>
  <Override PartName="/xl/drawings/drawing214.xml" ContentType="application/vnd.openxmlformats-officedocument.drawing+xml"/>
  <Override PartName="/xl/drawings/drawing215.xml" ContentType="application/vnd.openxmlformats-officedocument.drawing+xml"/>
  <Override PartName="/xl/drawings/drawing216.xml" ContentType="application/vnd.openxmlformats-officedocument.drawing+xml"/>
  <Override PartName="/xl/drawings/drawing217.xml" ContentType="application/vnd.openxmlformats-officedocument.drawing+xml"/>
  <Override PartName="/xl/drawings/drawing218.xml" ContentType="application/vnd.openxmlformats-officedocument.drawing+xml"/>
  <Override PartName="/xl/drawings/drawing219.xml" ContentType="application/vnd.openxmlformats-officedocument.drawing+xml"/>
  <Override PartName="/xl/drawings/drawing220.xml" ContentType="application/vnd.openxmlformats-officedocument.drawing+xml"/>
  <Override PartName="/xl/drawings/drawing221.xml" ContentType="application/vnd.openxmlformats-officedocument.drawing+xml"/>
  <Override PartName="/xl/drawings/drawing222.xml" ContentType="application/vnd.openxmlformats-officedocument.drawing+xml"/>
  <Override PartName="/xl/drawings/drawing223.xml" ContentType="application/vnd.openxmlformats-officedocument.drawing+xml"/>
  <Override PartName="/xl/drawings/drawing224.xml" ContentType="application/vnd.openxmlformats-officedocument.drawing+xml"/>
  <Override PartName="/xl/drawings/drawing225.xml" ContentType="application/vnd.openxmlformats-officedocument.drawing+xml"/>
  <Override PartName="/xl/drawings/drawing226.xml" ContentType="application/vnd.openxmlformats-officedocument.drawing+xml"/>
  <Override PartName="/xl/drawings/drawing227.xml" ContentType="application/vnd.openxmlformats-officedocument.drawing+xml"/>
  <Override PartName="/xl/drawings/drawing228.xml" ContentType="application/vnd.openxmlformats-officedocument.drawing+xml"/>
  <Override PartName="/xl/drawings/drawing229.xml" ContentType="application/vnd.openxmlformats-officedocument.drawing+xml"/>
  <Override PartName="/xl/drawings/drawing230.xml" ContentType="application/vnd.openxmlformats-officedocument.drawing+xml"/>
  <Override PartName="/xl/drawings/drawing231.xml" ContentType="application/vnd.openxmlformats-officedocument.drawing+xml"/>
  <Override PartName="/xl/drawings/drawing232.xml" ContentType="application/vnd.openxmlformats-officedocument.drawing+xml"/>
  <Override PartName="/xl/drawings/drawing233.xml" ContentType="application/vnd.openxmlformats-officedocument.drawing+xml"/>
  <Override PartName="/xl/drawings/drawing234.xml" ContentType="application/vnd.openxmlformats-officedocument.drawing+xml"/>
  <Override PartName="/xl/drawings/drawing235.xml" ContentType="application/vnd.openxmlformats-officedocument.drawing+xml"/>
  <Override PartName="/xl/drawings/drawing236.xml" ContentType="application/vnd.openxmlformats-officedocument.drawing+xml"/>
  <Override PartName="/xl/drawings/drawing237.xml" ContentType="application/vnd.openxmlformats-officedocument.drawing+xml"/>
  <Override PartName="/xl/drawings/drawing238.xml" ContentType="application/vnd.openxmlformats-officedocument.drawing+xml"/>
  <Override PartName="/xl/drawings/drawing239.xml" ContentType="application/vnd.openxmlformats-officedocument.drawing+xml"/>
  <Override PartName="/xl/drawings/drawing240.xml" ContentType="application/vnd.openxmlformats-officedocument.drawing+xml"/>
  <Override PartName="/xl/drawings/drawing241.xml" ContentType="application/vnd.openxmlformats-officedocument.drawing+xml"/>
  <Override PartName="/xl/drawings/drawing242.xml" ContentType="application/vnd.openxmlformats-officedocument.drawing+xml"/>
  <Override PartName="/xl/drawings/drawing243.xml" ContentType="application/vnd.openxmlformats-officedocument.drawing+xml"/>
  <Override PartName="/xl/drawings/drawing244.xml" ContentType="application/vnd.openxmlformats-officedocument.drawing+xml"/>
  <Override PartName="/xl/drawings/drawing245.xml" ContentType="application/vnd.openxmlformats-officedocument.drawing+xml"/>
  <Override PartName="/xl/drawings/drawing246.xml" ContentType="application/vnd.openxmlformats-officedocument.drawing+xml"/>
  <Override PartName="/xl/drawings/drawing247.xml" ContentType="application/vnd.openxmlformats-officedocument.drawing+xml"/>
  <Override PartName="/xl/drawings/drawing248.xml" ContentType="application/vnd.openxmlformats-officedocument.drawing+xml"/>
  <Override PartName="/xl/drawings/drawing249.xml" ContentType="application/vnd.openxmlformats-officedocument.drawing+xml"/>
  <Override PartName="/xl/drawings/drawing250.xml" ContentType="application/vnd.openxmlformats-officedocument.drawing+xml"/>
  <Override PartName="/xl/drawings/drawing251.xml" ContentType="application/vnd.openxmlformats-officedocument.drawing+xml"/>
  <Override PartName="/xl/drawings/drawing252.xml" ContentType="application/vnd.openxmlformats-officedocument.drawing+xml"/>
  <Override PartName="/xl/drawings/drawing253.xml" ContentType="application/vnd.openxmlformats-officedocument.drawing+xml"/>
  <Override PartName="/xl/drawings/drawing254.xml" ContentType="application/vnd.openxmlformats-officedocument.drawing+xml"/>
  <Override PartName="/xl/drawings/drawing255.xml" ContentType="application/vnd.openxmlformats-officedocument.drawing+xml"/>
  <Override PartName="/xl/drawings/drawing256.xml" ContentType="application/vnd.openxmlformats-officedocument.drawing+xml"/>
  <Override PartName="/xl/drawings/drawing257.xml" ContentType="application/vnd.openxmlformats-officedocument.drawing+xml"/>
  <Override PartName="/xl/drawings/drawing258.xml" ContentType="application/vnd.openxmlformats-officedocument.drawing+xml"/>
  <Override PartName="/xl/drawings/drawing259.xml" ContentType="application/vnd.openxmlformats-officedocument.drawing+xml"/>
  <Override PartName="/xl/drawings/drawing260.xml" ContentType="application/vnd.openxmlformats-officedocument.drawing+xml"/>
  <Override PartName="/xl/drawings/drawing261.xml" ContentType="application/vnd.openxmlformats-officedocument.drawing+xml"/>
  <Override PartName="/xl/drawings/drawing262.xml" ContentType="application/vnd.openxmlformats-officedocument.drawing+xml"/>
  <Override PartName="/xl/drawings/drawing263.xml" ContentType="application/vnd.openxmlformats-officedocument.drawing+xml"/>
  <Override PartName="/xl/drawings/drawing264.xml" ContentType="application/vnd.openxmlformats-officedocument.drawing+xml"/>
  <Override PartName="/xl/drawings/drawing265.xml" ContentType="application/vnd.openxmlformats-officedocument.drawing+xml"/>
  <Override PartName="/xl/drawings/drawing266.xml" ContentType="application/vnd.openxmlformats-officedocument.drawing+xml"/>
  <Override PartName="/xl/drawings/drawing267.xml" ContentType="application/vnd.openxmlformats-officedocument.drawing+xml"/>
  <Override PartName="/xl/drawings/drawing268.xml" ContentType="application/vnd.openxmlformats-officedocument.drawing+xml"/>
  <Override PartName="/xl/drawings/drawing269.xml" ContentType="application/vnd.openxmlformats-officedocument.drawing+xml"/>
  <Override PartName="/xl/drawings/drawing270.xml" ContentType="application/vnd.openxmlformats-officedocument.drawing+xml"/>
  <Override PartName="/xl/drawings/drawing271.xml" ContentType="application/vnd.openxmlformats-officedocument.drawing+xml"/>
  <Override PartName="/xl/drawings/drawing272.xml" ContentType="application/vnd.openxmlformats-officedocument.drawing+xml"/>
  <Override PartName="/xl/drawings/drawing273.xml" ContentType="application/vnd.openxmlformats-officedocument.drawing+xml"/>
  <Override PartName="/xl/drawings/drawing274.xml" ContentType="application/vnd.openxmlformats-officedocument.drawing+xml"/>
  <Override PartName="/xl/drawings/drawing275.xml" ContentType="application/vnd.openxmlformats-officedocument.drawing+xml"/>
  <Override PartName="/xl/drawings/drawing276.xml" ContentType="application/vnd.openxmlformats-officedocument.drawing+xml"/>
  <Override PartName="/xl/drawings/drawing277.xml" ContentType="application/vnd.openxmlformats-officedocument.drawing+xml"/>
  <Override PartName="/xl/drawings/drawing278.xml" ContentType="application/vnd.openxmlformats-officedocument.drawing+xml"/>
  <Override PartName="/xl/drawings/drawing279.xml" ContentType="application/vnd.openxmlformats-officedocument.drawing+xml"/>
  <Override PartName="/xl/drawings/drawing280.xml" ContentType="application/vnd.openxmlformats-officedocument.drawing+xml"/>
  <Override PartName="/xl/drawings/drawing281.xml" ContentType="application/vnd.openxmlformats-officedocument.drawing+xml"/>
  <Override PartName="/xl/drawings/drawing282.xml" ContentType="application/vnd.openxmlformats-officedocument.drawing+xml"/>
  <Override PartName="/xl/drawings/drawing283.xml" ContentType="application/vnd.openxmlformats-officedocument.drawing+xml"/>
  <Override PartName="/xl/drawings/drawing284.xml" ContentType="application/vnd.openxmlformats-officedocument.drawing+xml"/>
  <Override PartName="/xl/drawings/drawing285.xml" ContentType="application/vnd.openxmlformats-officedocument.drawing+xml"/>
  <Override PartName="/xl/drawings/drawing286.xml" ContentType="application/vnd.openxmlformats-officedocument.drawing+xml"/>
  <Override PartName="/xl/drawings/drawing287.xml" ContentType="application/vnd.openxmlformats-officedocument.drawing+xml"/>
  <Override PartName="/xl/drawings/drawing288.xml" ContentType="application/vnd.openxmlformats-officedocument.drawing+xml"/>
  <Override PartName="/xl/drawings/drawing289.xml" ContentType="application/vnd.openxmlformats-officedocument.drawing+xml"/>
  <Override PartName="/xl/drawings/drawing290.xml" ContentType="application/vnd.openxmlformats-officedocument.drawing+xml"/>
  <Override PartName="/xl/drawings/drawing291.xml" ContentType="application/vnd.openxmlformats-officedocument.drawing+xml"/>
  <Override PartName="/xl/drawings/drawing292.xml" ContentType="application/vnd.openxmlformats-officedocument.drawing+xml"/>
  <Override PartName="/xl/drawings/drawing293.xml" ContentType="application/vnd.openxmlformats-officedocument.drawing+xml"/>
  <Override PartName="/xl/drawings/drawing294.xml" ContentType="application/vnd.openxmlformats-officedocument.drawing+xml"/>
  <Override PartName="/xl/drawings/drawing295.xml" ContentType="application/vnd.openxmlformats-officedocument.drawing+xml"/>
  <Override PartName="/xl/drawings/drawing296.xml" ContentType="application/vnd.openxmlformats-officedocument.drawing+xml"/>
  <Override PartName="/xl/drawings/drawing297.xml" ContentType="application/vnd.openxmlformats-officedocument.drawing+xml"/>
  <Override PartName="/xl/drawings/drawing298.xml" ContentType="application/vnd.openxmlformats-officedocument.drawing+xml"/>
  <Override PartName="/xl/drawings/drawing299.xml" ContentType="application/vnd.openxmlformats-officedocument.drawing+xml"/>
  <Override PartName="/xl/drawings/drawing300.xml" ContentType="application/vnd.openxmlformats-officedocument.drawing+xml"/>
  <Override PartName="/xl/drawings/drawing301.xml" ContentType="application/vnd.openxmlformats-officedocument.drawing+xml"/>
  <Override PartName="/xl/drawings/drawing302.xml" ContentType="application/vnd.openxmlformats-officedocument.drawing+xml"/>
  <Override PartName="/xl/drawings/drawing303.xml" ContentType="application/vnd.openxmlformats-officedocument.drawing+xml"/>
  <Override PartName="/xl/drawings/drawing304.xml" ContentType="application/vnd.openxmlformats-officedocument.drawing+xml"/>
  <Override PartName="/xl/drawings/drawing305.xml" ContentType="application/vnd.openxmlformats-officedocument.drawing+xml"/>
  <Override PartName="/xl/drawings/drawing306.xml" ContentType="application/vnd.openxmlformats-officedocument.drawing+xml"/>
  <Override PartName="/xl/drawings/drawing307.xml" ContentType="application/vnd.openxmlformats-officedocument.drawing+xml"/>
  <Override PartName="/xl/drawings/drawing308.xml" ContentType="application/vnd.openxmlformats-officedocument.drawing+xml"/>
  <Override PartName="/xl/drawings/drawing309.xml" ContentType="application/vnd.openxmlformats-officedocument.drawing+xml"/>
  <Override PartName="/xl/drawings/drawing310.xml" ContentType="application/vnd.openxmlformats-officedocument.drawing+xml"/>
  <Override PartName="/xl/drawings/drawing311.xml" ContentType="application/vnd.openxmlformats-officedocument.drawing+xml"/>
  <Override PartName="/xl/drawings/drawing312.xml" ContentType="application/vnd.openxmlformats-officedocument.drawing+xml"/>
  <Override PartName="/xl/drawings/drawing313.xml" ContentType="application/vnd.openxmlformats-officedocument.drawing+xml"/>
  <Override PartName="/xl/drawings/drawing314.xml" ContentType="application/vnd.openxmlformats-officedocument.drawing+xml"/>
  <Override PartName="/xl/drawings/drawing315.xml" ContentType="application/vnd.openxmlformats-officedocument.drawing+xml"/>
  <Override PartName="/xl/drawings/drawing316.xml" ContentType="application/vnd.openxmlformats-officedocument.drawing+xml"/>
  <Override PartName="/xl/drawings/drawing317.xml" ContentType="application/vnd.openxmlformats-officedocument.drawing+xml"/>
  <Override PartName="/xl/drawings/drawing318.xml" ContentType="application/vnd.openxmlformats-officedocument.drawing+xml"/>
  <Override PartName="/xl/drawings/drawing319.xml" ContentType="application/vnd.openxmlformats-officedocument.drawing+xml"/>
  <Override PartName="/xl/drawings/drawing320.xml" ContentType="application/vnd.openxmlformats-officedocument.drawing+xml"/>
  <Override PartName="/xl/drawings/drawing321.xml" ContentType="application/vnd.openxmlformats-officedocument.drawing+xml"/>
  <Override PartName="/xl/drawings/drawing322.xml" ContentType="application/vnd.openxmlformats-officedocument.drawing+xml"/>
  <Override PartName="/xl/drawings/drawing323.xml" ContentType="application/vnd.openxmlformats-officedocument.drawing+xml"/>
  <Override PartName="/xl/drawings/drawing324.xml" ContentType="application/vnd.openxmlformats-officedocument.drawing+xml"/>
  <Override PartName="/xl/drawings/drawing325.xml" ContentType="application/vnd.openxmlformats-officedocument.drawing+xml"/>
  <Override PartName="/xl/drawings/drawing326.xml" ContentType="application/vnd.openxmlformats-officedocument.drawing+xml"/>
  <Override PartName="/xl/drawings/drawing327.xml" ContentType="application/vnd.openxmlformats-officedocument.drawing+xml"/>
  <Override PartName="/xl/drawings/drawing328.xml" ContentType="application/vnd.openxmlformats-officedocument.drawing+xml"/>
  <Override PartName="/xl/drawings/drawing329.xml" ContentType="application/vnd.openxmlformats-officedocument.drawing+xml"/>
  <Override PartName="/xl/drawings/drawing330.xml" ContentType="application/vnd.openxmlformats-officedocument.drawing+xml"/>
  <Override PartName="/xl/drawings/drawing331.xml" ContentType="application/vnd.openxmlformats-officedocument.drawing+xml"/>
  <Override PartName="/xl/drawings/drawing332.xml" ContentType="application/vnd.openxmlformats-officedocument.drawing+xml"/>
  <Override PartName="/xl/drawings/drawing333.xml" ContentType="application/vnd.openxmlformats-officedocument.drawing+xml"/>
  <Override PartName="/xl/drawings/drawing334.xml" ContentType="application/vnd.openxmlformats-officedocument.drawing+xml"/>
  <Override PartName="/xl/drawings/drawing335.xml" ContentType="application/vnd.openxmlformats-officedocument.drawing+xml"/>
  <Override PartName="/xl/drawings/drawing336.xml" ContentType="application/vnd.openxmlformats-officedocument.drawing+xml"/>
  <Override PartName="/xl/drawings/drawing337.xml" ContentType="application/vnd.openxmlformats-officedocument.drawing+xml"/>
  <Override PartName="/xl/drawings/drawing338.xml" ContentType="application/vnd.openxmlformats-officedocument.drawing+xml"/>
  <Override PartName="/xl/drawings/drawing339.xml" ContentType="application/vnd.openxmlformats-officedocument.drawing+xml"/>
  <Override PartName="/xl/drawings/drawing340.xml" ContentType="application/vnd.openxmlformats-officedocument.drawing+xml"/>
  <Override PartName="/xl/drawings/drawing341.xml" ContentType="application/vnd.openxmlformats-officedocument.drawing+xml"/>
  <Override PartName="/xl/drawings/drawing342.xml" ContentType="application/vnd.openxmlformats-officedocument.drawing+xml"/>
  <Override PartName="/xl/drawings/drawing343.xml" ContentType="application/vnd.openxmlformats-officedocument.drawing+xml"/>
  <Override PartName="/xl/drawings/drawing344.xml" ContentType="application/vnd.openxmlformats-officedocument.drawing+xml"/>
  <Override PartName="/xl/drawings/drawing345.xml" ContentType="application/vnd.openxmlformats-officedocument.drawing+xml"/>
  <Override PartName="/xl/drawings/drawing346.xml" ContentType="application/vnd.openxmlformats-officedocument.drawing+xml"/>
  <Override PartName="/xl/drawings/drawing347.xml" ContentType="application/vnd.openxmlformats-officedocument.drawing+xml"/>
  <Override PartName="/xl/drawings/drawing348.xml" ContentType="application/vnd.openxmlformats-officedocument.drawing+xml"/>
  <Override PartName="/xl/drawings/drawing349.xml" ContentType="application/vnd.openxmlformats-officedocument.drawing+xml"/>
  <Override PartName="/xl/drawings/drawing350.xml" ContentType="application/vnd.openxmlformats-officedocument.drawing+xml"/>
  <Override PartName="/xl/drawings/drawing351.xml" ContentType="application/vnd.openxmlformats-officedocument.drawing+xml"/>
  <Override PartName="/xl/drawings/drawing352.xml" ContentType="application/vnd.openxmlformats-officedocument.drawing+xml"/>
  <Override PartName="/xl/drawings/drawing353.xml" ContentType="application/vnd.openxmlformats-officedocument.drawing+xml"/>
  <Override PartName="/xl/drawings/drawing354.xml" ContentType="application/vnd.openxmlformats-officedocument.drawing+xml"/>
  <Override PartName="/xl/drawings/drawing355.xml" ContentType="application/vnd.openxmlformats-officedocument.drawing+xml"/>
  <Override PartName="/xl/drawings/drawing356.xml" ContentType="application/vnd.openxmlformats-officedocument.drawing+xml"/>
  <Override PartName="/xl/drawings/drawing357.xml" ContentType="application/vnd.openxmlformats-officedocument.drawing+xml"/>
  <Override PartName="/xl/drawings/drawing358.xml" ContentType="application/vnd.openxmlformats-officedocument.drawing+xml"/>
  <Override PartName="/xl/drawings/drawing359.xml" ContentType="application/vnd.openxmlformats-officedocument.drawing+xml"/>
  <Override PartName="/xl/drawings/drawing360.xml" ContentType="application/vnd.openxmlformats-officedocument.drawing+xml"/>
  <Override PartName="/xl/drawings/drawing361.xml" ContentType="application/vnd.openxmlformats-officedocument.drawing+xml"/>
  <Override PartName="/xl/drawings/drawing362.xml" ContentType="application/vnd.openxmlformats-officedocument.drawing+xml"/>
  <Override PartName="/xl/drawings/drawing363.xml" ContentType="application/vnd.openxmlformats-officedocument.drawing+xml"/>
  <Override PartName="/xl/drawings/drawing364.xml" ContentType="application/vnd.openxmlformats-officedocument.drawing+xml"/>
  <Override PartName="/xl/drawings/drawing365.xml" ContentType="application/vnd.openxmlformats-officedocument.drawing+xml"/>
  <Override PartName="/xl/drawings/drawing366.xml" ContentType="application/vnd.openxmlformats-officedocument.drawing+xml"/>
  <Override PartName="/xl/drawings/drawing367.xml" ContentType="application/vnd.openxmlformats-officedocument.drawing+xml"/>
  <Override PartName="/xl/drawings/drawing368.xml" ContentType="application/vnd.openxmlformats-officedocument.drawing+xml"/>
  <Override PartName="/xl/drawings/drawing369.xml" ContentType="application/vnd.openxmlformats-officedocument.drawing+xml"/>
  <Override PartName="/xl/drawings/drawing370.xml" ContentType="application/vnd.openxmlformats-officedocument.drawing+xml"/>
  <Override PartName="/xl/drawings/drawing371.xml" ContentType="application/vnd.openxmlformats-officedocument.drawing+xml"/>
  <Override PartName="/xl/drawings/drawing372.xml" ContentType="application/vnd.openxmlformats-officedocument.drawing+xml"/>
  <Override PartName="/xl/drawings/drawing373.xml" ContentType="application/vnd.openxmlformats-officedocument.drawing+xml"/>
  <Override PartName="/xl/drawings/drawing374.xml" ContentType="application/vnd.openxmlformats-officedocument.drawing+xml"/>
  <Override PartName="/xl/drawings/drawing375.xml" ContentType="application/vnd.openxmlformats-officedocument.drawing+xml"/>
  <Override PartName="/xl/drawings/drawing376.xml" ContentType="application/vnd.openxmlformats-officedocument.drawing+xml"/>
  <Override PartName="/xl/drawings/drawing377.xml" ContentType="application/vnd.openxmlformats-officedocument.drawing+xml"/>
  <Override PartName="/xl/drawings/drawing378.xml" ContentType="application/vnd.openxmlformats-officedocument.drawing+xml"/>
  <Override PartName="/xl/drawings/drawing379.xml" ContentType="application/vnd.openxmlformats-officedocument.drawing+xml"/>
  <Override PartName="/xl/drawings/drawing380.xml" ContentType="application/vnd.openxmlformats-officedocument.drawing+xml"/>
  <Override PartName="/xl/drawings/drawing381.xml" ContentType="application/vnd.openxmlformats-officedocument.drawing+xml"/>
  <Override PartName="/xl/drawings/drawing382.xml" ContentType="application/vnd.openxmlformats-officedocument.drawing+xml"/>
  <Override PartName="/xl/drawings/drawing383.xml" ContentType="application/vnd.openxmlformats-officedocument.drawing+xml"/>
  <Override PartName="/xl/drawings/drawing384.xml" ContentType="application/vnd.openxmlformats-officedocument.drawing+xml"/>
  <Override PartName="/xl/drawings/drawing385.xml" ContentType="application/vnd.openxmlformats-officedocument.drawing+xml"/>
  <Override PartName="/xl/drawings/drawing386.xml" ContentType="application/vnd.openxmlformats-officedocument.drawing+xml"/>
  <Override PartName="/xl/drawings/drawing387.xml" ContentType="application/vnd.openxmlformats-officedocument.drawing+xml"/>
  <Override PartName="/xl/drawings/drawing388.xml" ContentType="application/vnd.openxmlformats-officedocument.drawing+xml"/>
  <Override PartName="/xl/drawings/drawing389.xml" ContentType="application/vnd.openxmlformats-officedocument.drawing+xml"/>
  <Override PartName="/xl/drawings/drawing390.xml" ContentType="application/vnd.openxmlformats-officedocument.drawing+xml"/>
  <Override PartName="/xl/drawings/drawing391.xml" ContentType="application/vnd.openxmlformats-officedocument.drawing+xml"/>
  <Override PartName="/xl/drawings/drawing392.xml" ContentType="application/vnd.openxmlformats-officedocument.drawing+xml"/>
  <Override PartName="/xl/drawings/drawing393.xml" ContentType="application/vnd.openxmlformats-officedocument.drawing+xml"/>
  <Override PartName="/xl/drawings/drawing394.xml" ContentType="application/vnd.openxmlformats-officedocument.drawing+xml"/>
  <Override PartName="/xl/drawings/drawing395.xml" ContentType="application/vnd.openxmlformats-officedocument.drawing+xml"/>
  <Override PartName="/xl/drawings/drawing396.xml" ContentType="application/vnd.openxmlformats-officedocument.drawing+xml"/>
  <Override PartName="/xl/drawings/drawing397.xml" ContentType="application/vnd.openxmlformats-officedocument.drawing+xml"/>
  <Override PartName="/xl/drawings/drawing398.xml" ContentType="application/vnd.openxmlformats-officedocument.drawing+xml"/>
  <Override PartName="/xl/drawings/drawing399.xml" ContentType="application/vnd.openxmlformats-officedocument.drawing+xml"/>
  <Override PartName="/xl/drawings/drawing400.xml" ContentType="application/vnd.openxmlformats-officedocument.drawing+xml"/>
  <Override PartName="/xl/drawings/drawing401.xml" ContentType="application/vnd.openxmlformats-officedocument.drawing+xml"/>
  <Override PartName="/xl/drawings/drawing402.xml" ContentType="application/vnd.openxmlformats-officedocument.drawing+xml"/>
  <Override PartName="/xl/drawings/drawing403.xml" ContentType="application/vnd.openxmlformats-officedocument.drawing+xml"/>
  <Override PartName="/xl/drawings/drawing404.xml" ContentType="application/vnd.openxmlformats-officedocument.drawing+xml"/>
  <Override PartName="/xl/drawings/drawing405.xml" ContentType="application/vnd.openxmlformats-officedocument.drawing+xml"/>
  <Override PartName="/xl/drawings/drawing406.xml" ContentType="application/vnd.openxmlformats-officedocument.drawing+xml"/>
  <Override PartName="/xl/drawings/drawing407.xml" ContentType="application/vnd.openxmlformats-officedocument.drawing+xml"/>
  <Override PartName="/xl/drawings/drawing408.xml" ContentType="application/vnd.openxmlformats-officedocument.drawing+xml"/>
  <Override PartName="/xl/drawings/drawing409.xml" ContentType="application/vnd.openxmlformats-officedocument.drawing+xml"/>
  <Override PartName="/xl/drawings/drawing410.xml" ContentType="application/vnd.openxmlformats-officedocument.drawing+xml"/>
  <Override PartName="/xl/drawings/drawing411.xml" ContentType="application/vnd.openxmlformats-officedocument.drawing+xml"/>
  <Override PartName="/xl/drawings/drawing412.xml" ContentType="application/vnd.openxmlformats-officedocument.drawing+xml"/>
  <Override PartName="/xl/drawings/drawing413.xml" ContentType="application/vnd.openxmlformats-officedocument.drawing+xml"/>
  <Override PartName="/xl/drawings/drawing414.xml" ContentType="application/vnd.openxmlformats-officedocument.drawing+xml"/>
  <Override PartName="/xl/drawings/drawing415.xml" ContentType="application/vnd.openxmlformats-officedocument.drawing+xml"/>
  <Override PartName="/xl/drawings/drawing416.xml" ContentType="application/vnd.openxmlformats-officedocument.drawing+xml"/>
  <Override PartName="/xl/drawings/drawing417.xml" ContentType="application/vnd.openxmlformats-officedocument.drawing+xml"/>
  <Override PartName="/xl/drawings/drawing418.xml" ContentType="application/vnd.openxmlformats-officedocument.drawing+xml"/>
  <Override PartName="/xl/drawings/drawing419.xml" ContentType="application/vnd.openxmlformats-officedocument.drawing+xml"/>
  <Override PartName="/xl/drawings/drawing420.xml" ContentType="application/vnd.openxmlformats-officedocument.drawing+xml"/>
  <Override PartName="/xl/drawings/drawing421.xml" ContentType="application/vnd.openxmlformats-officedocument.drawing+xml"/>
  <Override PartName="/xl/drawings/drawing422.xml" ContentType="application/vnd.openxmlformats-officedocument.drawing+xml"/>
  <Override PartName="/xl/drawings/drawing423.xml" ContentType="application/vnd.openxmlformats-officedocument.drawing+xml"/>
  <Override PartName="/xl/drawings/drawing424.xml" ContentType="application/vnd.openxmlformats-officedocument.drawing+xml"/>
  <Override PartName="/xl/drawings/drawing425.xml" ContentType="application/vnd.openxmlformats-officedocument.drawing+xml"/>
  <Override PartName="/xl/drawings/drawing426.xml" ContentType="application/vnd.openxmlformats-officedocument.drawing+xml"/>
  <Override PartName="/xl/drawings/drawing427.xml" ContentType="application/vnd.openxmlformats-officedocument.drawing+xml"/>
  <Override PartName="/xl/drawings/drawing428.xml" ContentType="application/vnd.openxmlformats-officedocument.drawing+xml"/>
  <Override PartName="/xl/drawings/drawing429.xml" ContentType="application/vnd.openxmlformats-officedocument.drawing+xml"/>
  <Override PartName="/xl/drawings/drawing430.xml" ContentType="application/vnd.openxmlformats-officedocument.drawing+xml"/>
  <Override PartName="/xl/drawings/drawing431.xml" ContentType="application/vnd.openxmlformats-officedocument.drawing+xml"/>
  <Override PartName="/xl/drawings/drawing432.xml" ContentType="application/vnd.openxmlformats-officedocument.drawing+xml"/>
  <Override PartName="/xl/drawings/drawing433.xml" ContentType="application/vnd.openxmlformats-officedocument.drawing+xml"/>
  <Override PartName="/xl/drawings/drawing434.xml" ContentType="application/vnd.openxmlformats-officedocument.drawing+xml"/>
  <Override PartName="/xl/drawings/drawing435.xml" ContentType="application/vnd.openxmlformats-officedocument.drawing+xml"/>
  <Override PartName="/xl/drawings/drawing436.xml" ContentType="application/vnd.openxmlformats-officedocument.drawing+xml"/>
  <Override PartName="/xl/drawings/drawing437.xml" ContentType="application/vnd.openxmlformats-officedocument.drawing+xml"/>
  <Override PartName="/xl/drawings/drawing438.xml" ContentType="application/vnd.openxmlformats-officedocument.drawing+xml"/>
  <Override PartName="/xl/drawings/drawing439.xml" ContentType="application/vnd.openxmlformats-officedocument.drawing+xml"/>
  <Override PartName="/xl/drawings/drawing440.xml" ContentType="application/vnd.openxmlformats-officedocument.drawing+xml"/>
  <Override PartName="/xl/drawings/drawing441.xml" ContentType="application/vnd.openxmlformats-officedocument.drawing+xml"/>
  <Override PartName="/xl/drawings/drawing44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Fs-olive\532市民課\02窓口証明係\04人口集計\01ホームページ掲載\R7.04.01\"/>
    </mc:Choice>
  </mc:AlternateContent>
  <bookViews>
    <workbookView xWindow="0" yWindow="0" windowWidth="21570" windowHeight="8160" firstSheet="434" activeTab="441"/>
  </bookViews>
  <sheets>
    <sheet name="高田地区（高田旧市・甲）" sheetId="2" r:id="rId1"/>
    <sheet name="南本町１丁目" sheetId="3" r:id="rId2"/>
    <sheet name="南本町２丁目" sheetId="4" r:id="rId3"/>
    <sheet name="南本町３丁目" sheetId="5" r:id="rId4"/>
    <sheet name="東城町１丁目" sheetId="6" r:id="rId5"/>
    <sheet name="東城町２丁目" sheetId="7" r:id="rId6"/>
    <sheet name="東城町３丁目" sheetId="8" r:id="rId7"/>
    <sheet name="南城町１丁目" sheetId="9" r:id="rId8"/>
    <sheet name="南城町２丁目" sheetId="10" r:id="rId9"/>
    <sheet name="南城町３丁目" sheetId="11" r:id="rId10"/>
    <sheet name="南城町４丁目" sheetId="12" r:id="rId11"/>
    <sheet name="大手町" sheetId="13" r:id="rId12"/>
    <sheet name="本城町" sheetId="14" r:id="rId13"/>
    <sheet name="南新町" sheetId="15" r:id="rId14"/>
    <sheet name="南高田町" sheetId="16" r:id="rId15"/>
    <sheet name="高田地区（高田旧市・乙）" sheetId="17" r:id="rId16"/>
    <sheet name="本町１丁目" sheetId="18" r:id="rId17"/>
    <sheet name="本町２丁目" sheetId="19" r:id="rId18"/>
    <sheet name="本町３丁目" sheetId="20" r:id="rId19"/>
    <sheet name="本町４丁目" sheetId="21" r:id="rId20"/>
    <sheet name="本町５丁目" sheetId="22" r:id="rId21"/>
    <sheet name="本町６丁目" sheetId="23" r:id="rId22"/>
    <sheet name="本町７丁目" sheetId="24" r:id="rId23"/>
    <sheet name="北本町１丁目" sheetId="25" r:id="rId24"/>
    <sheet name="北本町２丁目" sheetId="26" r:id="rId25"/>
    <sheet name="北本町３丁目" sheetId="27" r:id="rId26"/>
    <sheet name="北本町４丁目" sheetId="28" r:id="rId27"/>
    <sheet name="高田地区（高田旧市・丙）" sheetId="29" r:id="rId28"/>
    <sheet name="仲町１丁目" sheetId="30" r:id="rId29"/>
    <sheet name="仲町２丁目" sheetId="31" r:id="rId30"/>
    <sheet name="仲町３丁目" sheetId="32" r:id="rId31"/>
    <sheet name="仲町４丁目" sheetId="33" r:id="rId32"/>
    <sheet name="仲町５丁目" sheetId="34" r:id="rId33"/>
    <sheet name="仲町６丁目" sheetId="35" r:id="rId34"/>
    <sheet name="寺町１丁目" sheetId="36" r:id="rId35"/>
    <sheet name="寺町２丁目" sheetId="37" r:id="rId36"/>
    <sheet name="寺町３丁目" sheetId="38" r:id="rId37"/>
    <sheet name="高田地区（高田旧市・丁）" sheetId="39" r:id="rId38"/>
    <sheet name="大町１丁目" sheetId="40" r:id="rId39"/>
    <sheet name="大町２丁目" sheetId="41" r:id="rId40"/>
    <sheet name="大町３丁目" sheetId="42" r:id="rId41"/>
    <sheet name="大町４丁目" sheetId="43" r:id="rId42"/>
    <sheet name="大町５丁目" sheetId="44" r:id="rId43"/>
    <sheet name="西城町１丁目" sheetId="45" r:id="rId44"/>
    <sheet name="西城町２丁目" sheetId="46" r:id="rId45"/>
    <sheet name="西城町３丁目" sheetId="47" r:id="rId46"/>
    <sheet name="西城町４丁目" sheetId="48" r:id="rId47"/>
    <sheet name="北城町１丁目" sheetId="49" r:id="rId48"/>
    <sheet name="北城町２丁目" sheetId="50" r:id="rId49"/>
    <sheet name="北城町３丁目" sheetId="51" r:id="rId50"/>
    <sheet name="北城町４丁目" sheetId="52" r:id="rId51"/>
    <sheet name="高田地区（高田旧市・戊）" sheetId="53" r:id="rId52"/>
    <sheet name="東本町１丁目" sheetId="54" r:id="rId53"/>
    <sheet name="東本町２丁目" sheetId="55" r:id="rId54"/>
    <sheet name="東本町３丁目" sheetId="56" r:id="rId55"/>
    <sheet name="東本町４丁目" sheetId="57" r:id="rId56"/>
    <sheet name="東本町５丁目" sheetId="58" r:id="rId57"/>
    <sheet name="幸町" sheetId="59" r:id="rId58"/>
    <sheet name="栄町" sheetId="60" r:id="rId59"/>
    <sheet name="新町" sheetId="61" r:id="rId60"/>
    <sheet name="高土町受地" sheetId="62" r:id="rId61"/>
    <sheet name="高土町１丁目" sheetId="63" r:id="rId62"/>
    <sheet name="高土町２丁目" sheetId="64" r:id="rId63"/>
    <sheet name="高土町３丁目" sheetId="65" r:id="rId64"/>
    <sheet name="高田地区（新道）" sheetId="66" r:id="rId65"/>
    <sheet name="大字場" sheetId="67" r:id="rId66"/>
    <sheet name="とよば" sheetId="68" r:id="rId67"/>
    <sheet name="大字子安" sheetId="69" r:id="rId68"/>
    <sheet name="子安" sheetId="70" r:id="rId69"/>
    <sheet name="大字子安新田" sheetId="71" r:id="rId70"/>
    <sheet name="子安新田" sheetId="72" r:id="rId71"/>
    <sheet name="大字鴨島" sheetId="73" r:id="rId72"/>
    <sheet name="鴨島１丁目" sheetId="74" r:id="rId73"/>
    <sheet name="鴨島２丁目" sheetId="75" r:id="rId74"/>
    <sheet name="鴨島３丁目" sheetId="76" r:id="rId75"/>
    <sheet name="鴨島" sheetId="77" r:id="rId76"/>
    <sheet name="稲田１丁目" sheetId="78" r:id="rId77"/>
    <sheet name="稲田２丁目" sheetId="79" r:id="rId78"/>
    <sheet name="稲田３丁目" sheetId="80" r:id="rId79"/>
    <sheet name="稲田４丁目" sheetId="81" r:id="rId80"/>
    <sheet name="大字上稲田" sheetId="82" r:id="rId81"/>
    <sheet name="大字下稲田" sheetId="83" r:id="rId82"/>
    <sheet name="大字寺" sheetId="84" r:id="rId83"/>
    <sheet name="大字大日" sheetId="85" r:id="rId84"/>
    <sheet name="大字中田新田" sheetId="86" r:id="rId85"/>
    <sheet name="大字上島" sheetId="87" r:id="rId86"/>
    <sheet name="大字中々村新田" sheetId="88" r:id="rId87"/>
    <sheet name="大字平岡" sheetId="89" r:id="rId88"/>
    <sheet name="大字南田屋新田" sheetId="90" r:id="rId89"/>
    <sheet name="大字北田屋新田" sheetId="91" r:id="rId90"/>
    <sheet name="大字大道福田" sheetId="92" r:id="rId91"/>
    <sheet name="大道福田" sheetId="93" r:id="rId92"/>
    <sheet name="大字富岡" sheetId="94" r:id="rId93"/>
    <sheet name="富岡" sheetId="95" r:id="rId94"/>
    <sheet name="大字藤野新田" sheetId="96" r:id="rId95"/>
    <sheet name="藤野新田" sheetId="97" r:id="rId96"/>
    <sheet name="大字上島（旧大日古川新田）" sheetId="98" r:id="rId97"/>
    <sheet name="大字大日（旧大日新田）" sheetId="99" r:id="rId98"/>
    <sheet name="大字大道新田" sheetId="100" r:id="rId99"/>
    <sheet name="大字赤塚新田" sheetId="101" r:id="rId100"/>
    <sheet name="新南町" sheetId="102" r:id="rId101"/>
    <sheet name="高田地区（金谷）" sheetId="103" r:id="rId102"/>
    <sheet name="大字上門前" sheetId="104" r:id="rId103"/>
    <sheet name="大字小滝" sheetId="105" r:id="rId104"/>
    <sheet name="大字下馬場" sheetId="106" r:id="rId105"/>
    <sheet name="大字朝日" sheetId="107" r:id="rId106"/>
    <sheet name="大字黒田" sheetId="108" r:id="rId107"/>
    <sheet name="大字灰塚" sheetId="109" r:id="rId108"/>
    <sheet name="大字地頭方" sheetId="110" r:id="rId109"/>
    <sheet name="大字青木" sheetId="111" r:id="rId110"/>
    <sheet name="大字上中田" sheetId="112" r:id="rId111"/>
    <sheet name="上中田" sheetId="113" r:id="rId112"/>
    <sheet name="中通町" sheetId="114" r:id="rId113"/>
    <sheet name="大字向橋" sheetId="115" r:id="rId114"/>
    <sheet name="大字中田原" sheetId="116" r:id="rId115"/>
    <sheet name="大字塩荷谷" sheetId="117" r:id="rId116"/>
    <sheet name="大字儀明" sheetId="118" r:id="rId117"/>
    <sheet name="大字上湯谷" sheetId="119" r:id="rId118"/>
    <sheet name="大字後谷" sheetId="120" r:id="rId119"/>
    <sheet name="大字大貫" sheetId="121" r:id="rId120"/>
    <sheet name="大貫１丁目" sheetId="122" r:id="rId121"/>
    <sheet name="大貫２丁目" sheetId="123" r:id="rId122"/>
    <sheet name="大貫３丁目" sheetId="124" r:id="rId123"/>
    <sheet name="大貫４丁目" sheetId="125" r:id="rId124"/>
    <sheet name="大字飯" sheetId="126" r:id="rId125"/>
    <sheet name="御殿山町" sheetId="127" r:id="rId126"/>
    <sheet name="上昭和町" sheetId="128" r:id="rId127"/>
    <sheet name="昭和町１丁目" sheetId="129" r:id="rId128"/>
    <sheet name="昭和町２丁目" sheetId="130" r:id="rId129"/>
    <sheet name="大字滝寺" sheetId="131" r:id="rId130"/>
    <sheet name="大字下正善寺" sheetId="132" r:id="rId131"/>
    <sheet name="大字中正善寺" sheetId="133" r:id="rId132"/>
    <sheet name="大字宇津尾" sheetId="134" r:id="rId133"/>
    <sheet name="大字上綱子" sheetId="135" r:id="rId134"/>
    <sheet name="大字中ノ俣" sheetId="136" r:id="rId135"/>
    <sheet name="大字京田" sheetId="137" r:id="rId136"/>
    <sheet name="大字下中田" sheetId="138" r:id="rId137"/>
    <sheet name="大字上正善寺" sheetId="139" r:id="rId138"/>
    <sheet name="高田地区（諏訪）" sheetId="140" r:id="rId139"/>
    <sheet name="大字上真砂" sheetId="141" r:id="rId140"/>
    <sheet name="大字杉野袋" sheetId="142" r:id="rId141"/>
    <sheet name="大字北新保" sheetId="143" r:id="rId142"/>
    <sheet name="大字南新保" sheetId="144" r:id="rId143"/>
    <sheet name="大字高森" sheetId="145" r:id="rId144"/>
    <sheet name="大字諏訪" sheetId="146" r:id="rId145"/>
    <sheet name="大字東原" sheetId="147" r:id="rId146"/>
    <sheet name="大字鶴町" sheetId="148" r:id="rId147"/>
    <sheet name="大字北田中" sheetId="149" r:id="rId148"/>
    <sheet name="大字米岡" sheetId="150" r:id="rId149"/>
    <sheet name="米町" sheetId="151" r:id="rId150"/>
    <sheet name="高田地区（和田）" sheetId="152" r:id="rId151"/>
    <sheet name="大字木島" sheetId="153" r:id="rId152"/>
    <sheet name="大字島田上新田" sheetId="154" r:id="rId153"/>
    <sheet name="大字島田" sheetId="155" r:id="rId154"/>
    <sheet name="大字島田下新田" sheetId="156" r:id="rId155"/>
    <sheet name="大字上箱井" sheetId="157" r:id="rId156"/>
    <sheet name="大字中箱井" sheetId="158" r:id="rId157"/>
    <sheet name="大字岡原" sheetId="159" r:id="rId158"/>
    <sheet name="大字下箱井" sheetId="160" r:id="rId159"/>
    <sheet name="大字五ケ所新田" sheetId="161" r:id="rId160"/>
    <sheet name="大字丸山新田" sheetId="162" r:id="rId161"/>
    <sheet name="大字下新田" sheetId="163" r:id="rId162"/>
    <sheet name="大字西田中" sheetId="164" r:id="rId163"/>
    <sheet name="大字寺町" sheetId="165" r:id="rId164"/>
    <sheet name="大字石沢" sheetId="166" r:id="rId165"/>
    <sheet name="大字七ケ所新田" sheetId="167" r:id="rId166"/>
    <sheet name="大字土合" sheetId="168" r:id="rId167"/>
    <sheet name="大字今泉" sheetId="169" r:id="rId168"/>
    <sheet name="大字脇野田" sheetId="170" r:id="rId169"/>
    <sheet name="大字荒町" sheetId="171" r:id="rId170"/>
    <sheet name="大字高田新田" sheetId="172" r:id="rId171"/>
    <sheet name="大字稲荷" sheetId="173" r:id="rId172"/>
    <sheet name="大和１丁目" sheetId="174" r:id="rId173"/>
    <sheet name="大和２丁目" sheetId="175" r:id="rId174"/>
    <sheet name="大和３丁目" sheetId="176" r:id="rId175"/>
    <sheet name="大和４丁目" sheetId="177" r:id="rId176"/>
    <sheet name="大和５丁目" sheetId="178" r:id="rId177"/>
    <sheet name="大和６丁目" sheetId="179" r:id="rId178"/>
    <sheet name="高田地区（津有）" sheetId="180" r:id="rId179"/>
    <sheet name="大字四ケ所" sheetId="181" r:id="rId180"/>
    <sheet name="大字西市野口" sheetId="182" r:id="rId181"/>
    <sheet name="大字戸野目古新田" sheetId="183" r:id="rId182"/>
    <sheet name="大字門田新田" sheetId="184" r:id="rId183"/>
    <sheet name="大字戸野目" sheetId="185" r:id="rId184"/>
    <sheet name="大字市野江" sheetId="186" r:id="rId185"/>
    <sheet name="大字桐原" sheetId="187" r:id="rId186"/>
    <sheet name="大字本道" sheetId="188" r:id="rId187"/>
    <sheet name="大字荒屋" sheetId="189" r:id="rId188"/>
    <sheet name="大字虫川" sheetId="190" r:id="rId189"/>
    <sheet name="大字下野田" sheetId="191" r:id="rId190"/>
    <sheet name="大字長面" sheetId="192" r:id="rId191"/>
    <sheet name="大字上野田" sheetId="193" r:id="rId192"/>
    <sheet name="大字四辻町" sheetId="194" r:id="rId193"/>
    <sheet name="大字下池部" sheetId="195" r:id="rId194"/>
    <sheet name="大字上池部" sheetId="196" r:id="rId195"/>
    <sheet name="大字吉岡" sheetId="197" r:id="rId196"/>
    <sheet name="大字東市野口" sheetId="198" r:id="rId197"/>
    <sheet name="大字劔" sheetId="199" r:id="rId198"/>
    <sheet name="大字茨沢" sheetId="200" r:id="rId199"/>
    <sheet name="大字藤塚" sheetId="201" r:id="rId200"/>
    <sheet name="大字新保古新田" sheetId="202" r:id="rId201"/>
    <sheet name="大字本新保" sheetId="203" r:id="rId202"/>
    <sheet name="大字上雲寺" sheetId="204" r:id="rId203"/>
    <sheet name="大字下新町" sheetId="205" r:id="rId204"/>
    <sheet name="大字上新町" sheetId="206" r:id="rId205"/>
    <sheet name="大字池" sheetId="207" r:id="rId206"/>
    <sheet name="大字下富川" sheetId="208" r:id="rId207"/>
    <sheet name="大字上富川" sheetId="209" r:id="rId208"/>
    <sheet name="大字熊塚" sheetId="210" r:id="rId209"/>
    <sheet name="大字野尻" sheetId="211" r:id="rId210"/>
    <sheet name="大字稲" sheetId="212" r:id="rId211"/>
    <sheet name="平成町" sheetId="213" r:id="rId212"/>
    <sheet name="高田地区（春日）" sheetId="214" r:id="rId213"/>
    <sheet name="大字土橋" sheetId="215" r:id="rId214"/>
    <sheet name="土橋" sheetId="216" r:id="rId215"/>
    <sheet name="大字藤巻" sheetId="217" r:id="rId216"/>
    <sheet name="藤巻" sheetId="218" r:id="rId217"/>
    <sheet name="大字木田新田" sheetId="219" r:id="rId218"/>
    <sheet name="木田新田１丁目" sheetId="220" r:id="rId219"/>
    <sheet name="木田新田２丁目" sheetId="221" r:id="rId220"/>
    <sheet name="大字藤新田" sheetId="222" r:id="rId221"/>
    <sheet name="藤新田１丁目" sheetId="223" r:id="rId222"/>
    <sheet name="藤新田２丁目" sheetId="224" r:id="rId223"/>
    <sheet name="大字木田" sheetId="225" r:id="rId224"/>
    <sheet name="木田１丁目" sheetId="226" r:id="rId225"/>
    <sheet name="木田２丁目" sheetId="227" r:id="rId226"/>
    <sheet name="木田３丁目" sheetId="228" r:id="rId227"/>
    <sheet name="大字薄袋" sheetId="229" r:id="rId228"/>
    <sheet name="大字岩木" sheetId="230" r:id="rId229"/>
    <sheet name="山屋敷町" sheetId="231" r:id="rId230"/>
    <sheet name="大字中屋敷" sheetId="232" r:id="rId231"/>
    <sheet name="大字寺分" sheetId="233" r:id="rId232"/>
    <sheet name="大字大豆" sheetId="234" r:id="rId233"/>
    <sheet name="大豆１丁目" sheetId="235" r:id="rId234"/>
    <sheet name="大豆２丁目" sheetId="236" r:id="rId235"/>
    <sheet name="大字春日" sheetId="237" r:id="rId236"/>
    <sheet name="大字中門前" sheetId="238" r:id="rId237"/>
    <sheet name="中門前１丁目" sheetId="239" r:id="rId238"/>
    <sheet name="中門前２丁目" sheetId="240" r:id="rId239"/>
    <sheet name="中門前３丁目" sheetId="241" r:id="rId240"/>
    <sheet name="大字宮野尾" sheetId="242" r:id="rId241"/>
    <sheet name="大字牛池新田" sheetId="243" r:id="rId242"/>
    <sheet name="大字塚田新田" sheetId="244" r:id="rId243"/>
    <sheet name="春日山町１丁目" sheetId="245" r:id="rId244"/>
    <sheet name="春日山町２丁目" sheetId="246" r:id="rId245"/>
    <sheet name="春日山町３丁目" sheetId="247" r:id="rId246"/>
    <sheet name="春日野１丁目" sheetId="248" r:id="rId247"/>
    <sheet name="春日野２丁目" sheetId="249" r:id="rId248"/>
    <sheet name="新光町１丁目" sheetId="250" r:id="rId249"/>
    <sheet name="新光町２丁目" sheetId="251" r:id="rId250"/>
    <sheet name="新光町３丁目" sheetId="252" r:id="rId251"/>
    <sheet name="大学前" sheetId="253" r:id="rId252"/>
    <sheet name="高田地区（三郷）" sheetId="254" r:id="rId253"/>
    <sheet name="大字下四ツ屋" sheetId="255" r:id="rId254"/>
    <sheet name="大字西松野木" sheetId="256" r:id="rId255"/>
    <sheet name="大字長者町" sheetId="257" r:id="rId256"/>
    <sheet name="大字天野原新田" sheetId="258" r:id="rId257"/>
    <sheet name="大字本長者原" sheetId="259" r:id="rId258"/>
    <sheet name="大字本長者原新田" sheetId="260" r:id="rId259"/>
    <sheet name="大字今池" sheetId="261" r:id="rId260"/>
    <sheet name="大字藪野" sheetId="262" r:id="rId261"/>
    <sheet name="大字辰尾新田" sheetId="263" r:id="rId262"/>
    <sheet name="大字東稲塚新田" sheetId="264" r:id="rId263"/>
    <sheet name="大字下稲塚" sheetId="265" r:id="rId264"/>
    <sheet name="大字新長者原" sheetId="266" r:id="rId265"/>
    <sheet name="桜町" sheetId="267" r:id="rId266"/>
    <sheet name="高田地区（高士）" sheetId="268" r:id="rId267"/>
    <sheet name="大字稲谷" sheetId="269" r:id="rId268"/>
    <sheet name="大字上曽根" sheetId="270" r:id="rId269"/>
    <sheet name="大字下曽根" sheetId="271" r:id="rId270"/>
    <sheet name="大字高和町" sheetId="272" r:id="rId271"/>
    <sheet name="大字元屋敷" sheetId="273" r:id="rId272"/>
    <sheet name="大字高津" sheetId="274" r:id="rId273"/>
    <sheet name="大字飯田" sheetId="275" r:id="rId274"/>
    <sheet name="大字妙油" sheetId="276" r:id="rId275"/>
    <sheet name="大字森田" sheetId="277" r:id="rId276"/>
    <sheet name="大字十二ノ木" sheetId="278" r:id="rId277"/>
    <sheet name="大字北方" sheetId="279" r:id="rId278"/>
    <sheet name="大字南方" sheetId="280" r:id="rId279"/>
    <sheet name="大字大口" sheetId="281" r:id="rId280"/>
    <sheet name="大字東京田" sheetId="282" r:id="rId281"/>
    <sheet name="大字松塚" sheetId="283" r:id="rId282"/>
    <sheet name="直江津地区（直江津）" sheetId="284" r:id="rId283"/>
    <sheet name="西本町１丁目" sheetId="285" r:id="rId284"/>
    <sheet name="西本町２丁目" sheetId="286" r:id="rId285"/>
    <sheet name="西本町３丁目" sheetId="287" r:id="rId286"/>
    <sheet name="西本町４丁目" sheetId="288" r:id="rId287"/>
    <sheet name="中央１丁目" sheetId="289" r:id="rId288"/>
    <sheet name="中央２丁目" sheetId="290" r:id="rId289"/>
    <sheet name="中央３丁目" sheetId="291" r:id="rId290"/>
    <sheet name="中央４丁目" sheetId="292" r:id="rId291"/>
    <sheet name="中央５丁目" sheetId="293" r:id="rId292"/>
    <sheet name="住吉町" sheetId="294" r:id="rId293"/>
    <sheet name="港町１丁目" sheetId="295" r:id="rId294"/>
    <sheet name="港町２丁目" sheetId="296" r:id="rId295"/>
    <sheet name="大字高崎新田" sheetId="297" r:id="rId296"/>
    <sheet name="東雲町１丁目" sheetId="298" r:id="rId297"/>
    <sheet name="東雲町２丁目" sheetId="299" r:id="rId298"/>
    <sheet name="栄町１丁目" sheetId="300" r:id="rId299"/>
    <sheet name="栄町２丁目" sheetId="301" r:id="rId300"/>
    <sheet name="東町" sheetId="302" r:id="rId301"/>
    <sheet name="大字直江津" sheetId="303" r:id="rId302"/>
    <sheet name="大字塩屋" sheetId="304" r:id="rId303"/>
    <sheet name="大字八幡" sheetId="305" r:id="rId304"/>
    <sheet name="大字至徳寺" sheetId="306" r:id="rId305"/>
    <sheet name="大字轟木" sheetId="307" r:id="rId306"/>
    <sheet name="大字古城" sheetId="308" r:id="rId307"/>
    <sheet name="石橋" sheetId="309" r:id="rId308"/>
    <sheet name="大字石橋" sheetId="310" r:id="rId309"/>
    <sheet name="石橋１丁目" sheetId="311" r:id="rId310"/>
    <sheet name="石橋２丁目" sheetId="312" r:id="rId311"/>
    <sheet name="直江津地区（五智）" sheetId="313" r:id="rId312"/>
    <sheet name="五智１丁目" sheetId="314" r:id="rId313"/>
    <sheet name="五智２丁目" sheetId="315" r:id="rId314"/>
    <sheet name="五智３丁目" sheetId="316" r:id="rId315"/>
    <sheet name="五智４丁目" sheetId="317" r:id="rId316"/>
    <sheet name="五智５丁目" sheetId="318" r:id="rId317"/>
    <sheet name="五智６丁目" sheetId="319" r:id="rId318"/>
    <sheet name="五智新町" sheetId="320" r:id="rId319"/>
    <sheet name="大字虫生岩戸" sheetId="321" r:id="rId320"/>
    <sheet name="国府１丁目" sheetId="322" r:id="rId321"/>
    <sheet name="国府２丁目" sheetId="323" r:id="rId322"/>
    <sheet name="国府３丁目" sheetId="324" r:id="rId323"/>
    <sheet name="国府４丁目" sheetId="325" r:id="rId324"/>
    <sheet name="加賀町" sheetId="326" r:id="rId325"/>
    <sheet name="大字三交" sheetId="327" r:id="rId326"/>
    <sheet name="大字大場" sheetId="328" r:id="rId327"/>
    <sheet name="大字愛宕国分" sheetId="329" r:id="rId328"/>
    <sheet name="大字毘沙門国分寺" sheetId="330" r:id="rId329"/>
    <sheet name="大字五智国分" sheetId="331" r:id="rId330"/>
    <sheet name="大字居多" sheetId="332" r:id="rId331"/>
    <sheet name="直江津地区（有田）" sheetId="333" r:id="rId332"/>
    <sheet name="大字小猿屋" sheetId="334" r:id="rId333"/>
    <sheet name="大字小猿屋新田" sheetId="335" r:id="rId334"/>
    <sheet name="大字三田" sheetId="336" r:id="rId335"/>
    <sheet name="大字三田新田" sheetId="337" r:id="rId336"/>
    <sheet name="三田新田" sheetId="338" r:id="rId337"/>
    <sheet name="大字三ツ橋新田" sheetId="339" r:id="rId338"/>
    <sheet name="大字三ツ橋" sheetId="340" r:id="rId339"/>
    <sheet name="三ツ橋" sheetId="341" r:id="rId340"/>
    <sheet name="大字福田" sheetId="342" r:id="rId341"/>
    <sheet name="福田町" sheetId="343" r:id="rId342"/>
    <sheet name="佐内町" sheetId="344" r:id="rId343"/>
    <sheet name="大字佐内" sheetId="345" r:id="rId344"/>
    <sheet name="三ツ屋町" sheetId="346" r:id="rId345"/>
    <sheet name="大字三ツ屋" sheetId="347" r:id="rId346"/>
    <sheet name="大字安江" sheetId="348" r:id="rId347"/>
    <sheet name="安江１丁目" sheetId="349" r:id="rId348"/>
    <sheet name="安江２丁目" sheetId="350" r:id="rId349"/>
    <sheet name="安江３丁目" sheetId="351" r:id="rId350"/>
    <sheet name="大字上源入" sheetId="352" r:id="rId351"/>
    <sheet name="上源入" sheetId="353" r:id="rId352"/>
    <sheet name="大字下源入" sheetId="354" r:id="rId353"/>
    <sheet name="下源入" sheetId="355" r:id="rId354"/>
    <sheet name="大字松村新田" sheetId="356" r:id="rId355"/>
    <sheet name="大字下門前" sheetId="357" r:id="rId356"/>
    <sheet name="下門前" sheetId="358" r:id="rId357"/>
    <sheet name="大字塩屋新田" sheetId="359" r:id="rId358"/>
    <sheet name="塩屋新田" sheetId="360" r:id="rId359"/>
    <sheet name="大字春日新田" sheetId="361" r:id="rId360"/>
    <sheet name="春日新田１丁目" sheetId="362" r:id="rId361"/>
    <sheet name="春日新田２丁目" sheetId="363" r:id="rId362"/>
    <sheet name="春日新田３丁目" sheetId="364" r:id="rId363"/>
    <sheet name="春日新田４丁目" sheetId="365" r:id="rId364"/>
    <sheet name="春日新田５丁目" sheetId="366" r:id="rId365"/>
    <sheet name="川原町" sheetId="367" r:id="rId366"/>
    <sheet name="大字池ノ端" sheetId="368" r:id="rId367"/>
    <sheet name="田園" sheetId="369" r:id="rId368"/>
    <sheet name="直江津地区（八千浦）" sheetId="370" r:id="rId369"/>
    <sheet name="大字黒井" sheetId="371" r:id="rId370"/>
    <sheet name="日之出町" sheetId="372" r:id="rId371"/>
    <sheet name="大字上荒浜" sheetId="373" r:id="rId372"/>
    <sheet name="大字下荒浜" sheetId="374" r:id="rId373"/>
    <sheet name="大字遊光寺浜" sheetId="375" r:id="rId374"/>
    <sheet name="大字夷浜" sheetId="376" r:id="rId375"/>
    <sheet name="大字西ケ窪浜" sheetId="377" r:id="rId376"/>
    <sheet name="大字石橋新田" sheetId="378" r:id="rId377"/>
    <sheet name="大字夷浜新田" sheetId="379" r:id="rId378"/>
    <sheet name="八千浦" sheetId="380" r:id="rId379"/>
    <sheet name="直江津地区（保倉）" sheetId="381" r:id="rId380"/>
    <sheet name="大字下百々" sheetId="382" r:id="rId381"/>
    <sheet name="大字駒林" sheetId="383" r:id="rId382"/>
    <sheet name="大字小泉" sheetId="384" r:id="rId383"/>
    <sheet name="大字長岡" sheetId="385" r:id="rId384"/>
    <sheet name="大字長岡新田" sheetId="386" r:id="rId385"/>
    <sheet name="大字上名柄" sheetId="387" r:id="rId386"/>
    <sheet name="大字五野井" sheetId="388" r:id="rId387"/>
    <sheet name="大字石川" sheetId="389" r:id="rId388"/>
    <sheet name="大字青野" sheetId="390" r:id="rId389"/>
    <sheet name="大字上吉野" sheetId="391" r:id="rId390"/>
    <sheet name="大字下吉野" sheetId="392" r:id="rId391"/>
    <sheet name="大字上五貫野" sheetId="393" r:id="rId392"/>
    <sheet name="大字下五貫野" sheetId="394" r:id="rId393"/>
    <sheet name="大字下名柄" sheetId="395" r:id="rId394"/>
    <sheet name="大字田沢新田" sheetId="396" r:id="rId395"/>
    <sheet name="大字岡崎新田" sheetId="397" r:id="rId396"/>
    <sheet name="大字福岡新田" sheetId="398" r:id="rId397"/>
    <sheet name="直江津地区（北諏訪）" sheetId="399" r:id="rId398"/>
    <sheet name="大字飯塚" sheetId="400" r:id="rId399"/>
    <sheet name="大字中真砂" sheetId="401" r:id="rId400"/>
    <sheet name="大字川端" sheetId="402" r:id="rId401"/>
    <sheet name="大字東中島" sheetId="403" r:id="rId402"/>
    <sheet name="大字上千原" sheetId="404" r:id="rId403"/>
    <sheet name="大字福橋" sheetId="405" r:id="rId404"/>
    <sheet name="大字横曽根" sheetId="406" r:id="rId405"/>
    <sheet name="大字下真砂" sheetId="407" r:id="rId406"/>
    <sheet name="大字上吉新田" sheetId="408" r:id="rId407"/>
    <sheet name="大字下吉新田" sheetId="409" r:id="rId408"/>
    <sheet name="直江津地区（谷浜）" sheetId="410" r:id="rId409"/>
    <sheet name="大字西横山" sheetId="411" r:id="rId410"/>
    <sheet name="大字小池" sheetId="412" r:id="rId411"/>
    <sheet name="大字西山寺" sheetId="413" r:id="rId412"/>
    <sheet name="大字下綱子" sheetId="414" r:id="rId413"/>
    <sheet name="大字高住" sheetId="415" r:id="rId414"/>
    <sheet name="大字中桑取" sheetId="416" r:id="rId415"/>
    <sheet name="大字丹原" sheetId="417" r:id="rId416"/>
    <sheet name="大字鍋ケ浦" sheetId="418" r:id="rId417"/>
    <sheet name="大字吉浦" sheetId="419" r:id="rId418"/>
    <sheet name="大字茶屋ケ原" sheetId="420" r:id="rId419"/>
    <sheet name="大字有間川" sheetId="421" r:id="rId420"/>
    <sheet name="大字長浜" sheetId="422" r:id="rId421"/>
    <sheet name="大字小池新田" sheetId="423" r:id="rId422"/>
    <sheet name="大字西鳥越" sheetId="424" r:id="rId423"/>
    <sheet name="大字諏訪分" sheetId="425" r:id="rId424"/>
    <sheet name="大字中桑取新田" sheetId="426" r:id="rId425"/>
    <sheet name="大字三伝" sheetId="427" r:id="rId426"/>
    <sheet name="大字花立" sheetId="428" r:id="rId427"/>
    <sheet name="大字西戸野" sheetId="429" r:id="rId428"/>
    <sheet name="大字鍛治免分" sheetId="430" r:id="rId429"/>
    <sheet name="大字鍛冶免分" sheetId="431" r:id="rId430"/>
    <sheet name="大字下宇山" sheetId="432" r:id="rId431"/>
    <sheet name="大字上宇山" sheetId="433" r:id="rId432"/>
    <sheet name="直江津地区（桑取）" sheetId="434" r:id="rId433"/>
    <sheet name="大字横畑" sheetId="435" r:id="rId434"/>
    <sheet name="大字皆口" sheetId="436" r:id="rId435"/>
    <sheet name="大字西谷内" sheetId="437" r:id="rId436"/>
    <sheet name="大字北谷" sheetId="438" r:id="rId437"/>
    <sheet name="大字土口" sheetId="439" r:id="rId438"/>
    <sheet name="大字増沢" sheetId="440" r:id="rId439"/>
    <sheet name="大字大渕" sheetId="441" r:id="rId440"/>
    <sheet name="大字東吉尾" sheetId="442" r:id="rId441"/>
    <sheet name="大字西吉尾" sheetId="443" r:id="rId442"/>
  </sheets>
  <externalReferences>
    <externalReference r:id="rId443"/>
  </externalReferences>
  <definedNames>
    <definedName name="_xlnm.Print_Area" localSheetId="66">とよば!$A$1:$N$52</definedName>
    <definedName name="_xlnm.Print_Area" localSheetId="347">安江１丁目!$A$1:$N$52</definedName>
    <definedName name="_xlnm.Print_Area" localSheetId="348">安江２丁目!$A$1:$N$52</definedName>
    <definedName name="_xlnm.Print_Area" localSheetId="349">安江３丁目!$A$1:$N$52</definedName>
    <definedName name="_xlnm.Print_Area" localSheetId="76">稲田１丁目!$A$1:$N$52</definedName>
    <definedName name="_xlnm.Print_Area" localSheetId="77">稲田２丁目!$A$1:$N$52</definedName>
    <definedName name="_xlnm.Print_Area" localSheetId="78">稲田３丁目!$A$1:$N$52</definedName>
    <definedName name="_xlnm.Print_Area" localSheetId="79">稲田４丁目!$A$1:$N$52</definedName>
    <definedName name="_xlnm.Print_Area" localSheetId="58">栄町!$A$1:$N$52</definedName>
    <definedName name="_xlnm.Print_Area" localSheetId="298">栄町１丁目!$A$1:$N$52</definedName>
    <definedName name="_xlnm.Print_Area" localSheetId="299">栄町２丁目!$A$1:$N$52</definedName>
    <definedName name="_xlnm.Print_Area" localSheetId="358">塩屋新田!$A$1:$N$52</definedName>
    <definedName name="_xlnm.Print_Area" localSheetId="353">下源入!$A$1:$N$52</definedName>
    <definedName name="_xlnm.Print_Area" localSheetId="356">下門前!$A$1:$N$52</definedName>
    <definedName name="_xlnm.Print_Area" localSheetId="324">加賀町!$A$1:$N$52</definedName>
    <definedName name="_xlnm.Print_Area" localSheetId="75">鴨島!$A$1:$N$52</definedName>
    <definedName name="_xlnm.Print_Area" localSheetId="72">鴨島１丁目!$A$1:$N$52</definedName>
    <definedName name="_xlnm.Print_Area" localSheetId="73">鴨島２丁目!$A$1:$N$52</definedName>
    <definedName name="_xlnm.Print_Area" localSheetId="74">鴨島３丁目!$A$1:$N$52</definedName>
    <definedName name="_xlnm.Print_Area" localSheetId="312">五智１丁目!$A$1:$N$52</definedName>
    <definedName name="_xlnm.Print_Area" localSheetId="313">五智２丁目!$A$1:$N$52</definedName>
    <definedName name="_xlnm.Print_Area" localSheetId="314">五智３丁目!$A$1:$N$52</definedName>
    <definedName name="_xlnm.Print_Area" localSheetId="315">五智４丁目!$A$1:$N$52</definedName>
    <definedName name="_xlnm.Print_Area" localSheetId="316">五智５丁目!$A$1:$N$52</definedName>
    <definedName name="_xlnm.Print_Area" localSheetId="317">五智６丁目!$A$1:$N$52</definedName>
    <definedName name="_xlnm.Print_Area" localSheetId="318">五智新町!$A$1:$N$52</definedName>
    <definedName name="_xlnm.Print_Area" localSheetId="125">御殿山町!$A$1:$N$52</definedName>
    <definedName name="_xlnm.Print_Area" localSheetId="57">幸町!$A$1:$N$52</definedName>
    <definedName name="_xlnm.Print_Area" localSheetId="293">港町１丁目!$A$1:$N$52</definedName>
    <definedName name="_xlnm.Print_Area" localSheetId="294">港町２丁目!$A$1:$N$52</definedName>
    <definedName name="_xlnm.Print_Area" localSheetId="101">'高田地区（金谷）'!$A$1:$N$52</definedName>
    <definedName name="_xlnm.Print_Area" localSheetId="266">'高田地区（高士）'!$A$1:$N$52</definedName>
    <definedName name="_xlnm.Print_Area" localSheetId="15">'高田地区（高田旧市・乙）'!$A$1:$N$52</definedName>
    <definedName name="_xlnm.Print_Area" localSheetId="0">'高田地区（高田旧市・甲）'!$A$1:$N$52</definedName>
    <definedName name="_xlnm.Print_Area" localSheetId="37">'高田地区（高田旧市・丁）'!$A$1:$N$52</definedName>
    <definedName name="_xlnm.Print_Area" localSheetId="27">'高田地区（高田旧市・丙）'!$A$1:$N$52</definedName>
    <definedName name="_xlnm.Print_Area" localSheetId="51">'高田地区（高田旧市・戊）'!$A$1:$N$52</definedName>
    <definedName name="_xlnm.Print_Area" localSheetId="252">'高田地区（三郷）'!$A$1:$N$52</definedName>
    <definedName name="_xlnm.Print_Area" localSheetId="212">'高田地区（春日）'!$A$1:$N$52</definedName>
    <definedName name="_xlnm.Print_Area" localSheetId="64">'高田地区（新道）'!$A$1:$N$52</definedName>
    <definedName name="_xlnm.Print_Area" localSheetId="138">'高田地区（諏訪）'!$A$1:$N$52</definedName>
    <definedName name="_xlnm.Print_Area" localSheetId="178">'高田地区（津有）'!$A$1:$N$52</definedName>
    <definedName name="_xlnm.Print_Area" localSheetId="150">'高田地区（和田）'!$A$1:$N$52</definedName>
    <definedName name="_xlnm.Print_Area" localSheetId="61">高土町１丁目!$A$1:$N$52</definedName>
    <definedName name="_xlnm.Print_Area" localSheetId="62">高土町２丁目!$A$1:$N$52</definedName>
    <definedName name="_xlnm.Print_Area" localSheetId="63">高土町３丁目!$A$1:$N$52</definedName>
    <definedName name="_xlnm.Print_Area" localSheetId="60">高土町受地!$A$1:$N$52</definedName>
    <definedName name="_xlnm.Print_Area" localSheetId="320">国府１丁目!$A$1:$N$52</definedName>
    <definedName name="_xlnm.Print_Area" localSheetId="321">国府２丁目!$A$1:$N$52</definedName>
    <definedName name="_xlnm.Print_Area" localSheetId="322">国府３丁目!$A$1:$N$52</definedName>
    <definedName name="_xlnm.Print_Area" localSheetId="323">国府４丁目!$A$1:$N$52</definedName>
    <definedName name="_xlnm.Print_Area" localSheetId="342">佐内町!$A$1:$N$52</definedName>
    <definedName name="_xlnm.Print_Area" localSheetId="265">桜町!$A$1:$N$52</definedName>
    <definedName name="_xlnm.Print_Area" localSheetId="344">三ツ屋町!$A$1:$N$52</definedName>
    <definedName name="_xlnm.Print_Area" localSheetId="339">三ツ橋!$A$1:$N$52</definedName>
    <definedName name="_xlnm.Print_Area" localSheetId="336">三田新田!$A$1:$N$52</definedName>
    <definedName name="_xlnm.Print_Area" localSheetId="229">山屋敷町!$A$1:$N$52</definedName>
    <definedName name="_xlnm.Print_Area" localSheetId="68">子安!$A$1:$N$52</definedName>
    <definedName name="_xlnm.Print_Area" localSheetId="70">子安新田!$A$1:$N$52</definedName>
    <definedName name="_xlnm.Print_Area" localSheetId="34">寺町１丁目!$A$1:$N$52</definedName>
    <definedName name="_xlnm.Print_Area" localSheetId="35">寺町２丁目!$A$1:$N$52</definedName>
    <definedName name="_xlnm.Print_Area" localSheetId="36">寺町３丁目!$A$1:$N$52</definedName>
    <definedName name="_xlnm.Print_Area" localSheetId="292">住吉町!$A$1:$N$52</definedName>
    <definedName name="_xlnm.Print_Area" localSheetId="243">春日山町１丁目!$A$1:$N$52</definedName>
    <definedName name="_xlnm.Print_Area" localSheetId="244">春日山町２丁目!$A$1:$N$52</definedName>
    <definedName name="_xlnm.Print_Area" localSheetId="245">春日山町３丁目!$A$1:$N$52</definedName>
    <definedName name="_xlnm.Print_Area" localSheetId="360">春日新田１丁目!$A$1:$N$52</definedName>
    <definedName name="_xlnm.Print_Area" localSheetId="361">春日新田２丁目!$A$1:$N$52</definedName>
    <definedName name="_xlnm.Print_Area" localSheetId="362">春日新田３丁目!$A$1:$N$52</definedName>
    <definedName name="_xlnm.Print_Area" localSheetId="363">春日新田４丁目!$A$1:$N$52</definedName>
    <definedName name="_xlnm.Print_Area" localSheetId="364">春日新田５丁目!$A$1:$N$52</definedName>
    <definedName name="_xlnm.Print_Area" localSheetId="246">春日野１丁目!$A$1:$N$52</definedName>
    <definedName name="_xlnm.Print_Area" localSheetId="247">春日野２丁目!$A$1:$N$52</definedName>
    <definedName name="_xlnm.Print_Area" localSheetId="127">昭和町１丁目!$A$1:$N$52</definedName>
    <definedName name="_xlnm.Print_Area" localSheetId="128">昭和町２丁目!$A$1:$N$52</definedName>
    <definedName name="_xlnm.Print_Area" localSheetId="351">上源入!$A$1:$N$52</definedName>
    <definedName name="_xlnm.Print_Area" localSheetId="126">上昭和町!$A$1:$N$52</definedName>
    <definedName name="_xlnm.Print_Area" localSheetId="111">上中田!$A$1:$N$52</definedName>
    <definedName name="_xlnm.Print_Area" localSheetId="248">新光町１丁目!$A$1:$N$52</definedName>
    <definedName name="_xlnm.Print_Area" localSheetId="249">新光町２丁目!$A$1:$N$52</definedName>
    <definedName name="_xlnm.Print_Area" localSheetId="250">新光町３丁目!$A$1:$N$52</definedName>
    <definedName name="_xlnm.Print_Area" localSheetId="59">新町!$A$1:$N$52</definedName>
    <definedName name="_xlnm.Print_Area" localSheetId="100">新南町!$A$1:$N$52</definedName>
    <definedName name="_xlnm.Print_Area" localSheetId="43">西城町１丁目!$A$1:$N$52</definedName>
    <definedName name="_xlnm.Print_Area" localSheetId="44">西城町２丁目!$A$1:$N$52</definedName>
    <definedName name="_xlnm.Print_Area" localSheetId="45">西城町３丁目!$A$1:$N$52</definedName>
    <definedName name="_xlnm.Print_Area" localSheetId="46">西城町４丁目!$A$1:$N$52</definedName>
    <definedName name="_xlnm.Print_Area" localSheetId="283">西本町１丁目!$A$1:$N$52</definedName>
    <definedName name="_xlnm.Print_Area" localSheetId="284">西本町２丁目!$A$1:$N$52</definedName>
    <definedName name="_xlnm.Print_Area" localSheetId="285">西本町３丁目!$A$1:$N$52</definedName>
    <definedName name="_xlnm.Print_Area" localSheetId="286">西本町４丁目!$A$1:$N$52</definedName>
    <definedName name="_xlnm.Print_Area" localSheetId="307">石橋!$A$1:$N$52</definedName>
    <definedName name="_xlnm.Print_Area" localSheetId="309">石橋１丁目!$A$1:$N$52</definedName>
    <definedName name="_xlnm.Print_Area" localSheetId="310">石橋２丁目!$A$1:$N$52</definedName>
    <definedName name="_xlnm.Print_Area" localSheetId="365">川原町!$A$1:$N$52</definedName>
    <definedName name="_xlnm.Print_Area" localSheetId="251">大学前!$A$1:$N$52</definedName>
    <definedName name="_xlnm.Print_Area" localSheetId="120">大貫１丁目!$A$1:$N$52</definedName>
    <definedName name="_xlnm.Print_Area" localSheetId="121">大貫２丁目!$A$1:$N$52</definedName>
    <definedName name="_xlnm.Print_Area" localSheetId="122">大貫３丁目!$A$1:$N$52</definedName>
    <definedName name="_xlnm.Print_Area" localSheetId="123">大貫４丁目!$A$1:$N$52</definedName>
    <definedName name="_xlnm.Print_Area" localSheetId="65">大字場!$A$1:$N$52</definedName>
    <definedName name="_xlnm.Print_Area" localSheetId="327">大字愛宕国分!$A$1:$N$52</definedName>
    <definedName name="_xlnm.Print_Area" localSheetId="346">大字安江!$A$1:$N$52</definedName>
    <definedName name="_xlnm.Print_Area" localSheetId="374">大字夷浜!$A$1:$N$52</definedName>
    <definedName name="_xlnm.Print_Area" localSheetId="377">大字夷浜新田!$A$1:$N$52</definedName>
    <definedName name="_xlnm.Print_Area" localSheetId="210">大字稲!$A$1:$N$52</definedName>
    <definedName name="_xlnm.Print_Area" localSheetId="171">大字稲荷!$A$1:$N$52</definedName>
    <definedName name="_xlnm.Print_Area" localSheetId="267">大字稲谷!$A$1:$N$52</definedName>
    <definedName name="_xlnm.Print_Area" localSheetId="198">大字茨沢!$A$1:$N$52</definedName>
    <definedName name="_xlnm.Print_Area" localSheetId="132">大字宇津尾!$A$1:$N$52</definedName>
    <definedName name="_xlnm.Print_Area" localSheetId="302">大字塩屋!$A$1:$N$52</definedName>
    <definedName name="_xlnm.Print_Area" localSheetId="357">大字塩屋新田!$A$1:$N$52</definedName>
    <definedName name="_xlnm.Print_Area" localSheetId="115">大字塩荷谷!$A$1:$N$52</definedName>
    <definedName name="_xlnm.Print_Area" localSheetId="404">大字横曽根!$A$1:$N$52</definedName>
    <definedName name="_xlnm.Print_Area" localSheetId="433">大字横畑!$A$1:$N$52</definedName>
    <definedName name="_xlnm.Print_Area" localSheetId="157">大字岡原!$A$1:$N$52</definedName>
    <definedName name="_xlnm.Print_Area" localSheetId="395">大字岡崎新田!$A$1:$N$52</definedName>
    <definedName name="_xlnm.Print_Area" localSheetId="263">大字下稲塚!$A$1:$N$52</definedName>
    <definedName name="_xlnm.Print_Area" localSheetId="81">大字下稲田!$A$1:$N$52</definedName>
    <definedName name="_xlnm.Print_Area" localSheetId="430">大字下宇山!$A$1:$N$52</definedName>
    <definedName name="_xlnm.Print_Area" localSheetId="407">大字下吉新田!$A$1:$N$52</definedName>
    <definedName name="_xlnm.Print_Area" localSheetId="390">大字下吉野!$A$1:$N$52</definedName>
    <definedName name="_xlnm.Print_Area" localSheetId="352">大字下源入!$A$1:$N$52</definedName>
    <definedName name="_xlnm.Print_Area" localSheetId="392">大字下五貫野!$A$1:$N$52</definedName>
    <definedName name="_xlnm.Print_Area" localSheetId="412">大字下綱子!$A$1:$N$52</definedName>
    <definedName name="_xlnm.Print_Area" localSheetId="372">大字下荒浜!$A$1:$N$52</definedName>
    <definedName name="_xlnm.Print_Area" localSheetId="253">大字下四ツ屋!$A$1:$N$52</definedName>
    <definedName name="_xlnm.Print_Area" localSheetId="203">大字下新町!$A$1:$N$52</definedName>
    <definedName name="_xlnm.Print_Area" localSheetId="161">大字下新田!$A$1:$N$52</definedName>
    <definedName name="_xlnm.Print_Area" localSheetId="405">大字下真砂!$A$1:$N$52</definedName>
    <definedName name="_xlnm.Print_Area" localSheetId="130">大字下正善寺!$A$1:$N$52</definedName>
    <definedName name="_xlnm.Print_Area" localSheetId="269">大字下曽根!$A$1:$N$52</definedName>
    <definedName name="_xlnm.Print_Area" localSheetId="193">大字下池部!$A$1:$N$52</definedName>
    <definedName name="_xlnm.Print_Area" localSheetId="136">大字下中田!$A$1:$N$52</definedName>
    <definedName name="_xlnm.Print_Area" localSheetId="104">大字下馬場!$A$1:$N$52</definedName>
    <definedName name="_xlnm.Print_Area" localSheetId="158">大字下箱井!$A$1:$N$52</definedName>
    <definedName name="_xlnm.Print_Area" localSheetId="380">大字下百々!$A$1:$N$52</definedName>
    <definedName name="_xlnm.Print_Area" localSheetId="206">大字下富川!$A$1:$N$52</definedName>
    <definedName name="_xlnm.Print_Area" localSheetId="393">大字下名柄!$A$1:$N$52</definedName>
    <definedName name="_xlnm.Print_Area" localSheetId="355">大字下門前!$A$1:$N$52</definedName>
    <definedName name="_xlnm.Print_Area" localSheetId="189">大字下野田!$A$1:$N$52</definedName>
    <definedName name="_xlnm.Print_Area" localSheetId="426">大字花立!$A$1:$N$52</definedName>
    <definedName name="_xlnm.Print_Area" localSheetId="107">大字灰塚!$A$1:$N$52</definedName>
    <definedName name="_xlnm.Print_Area" localSheetId="434">大字皆口!$A$1:$N$52</definedName>
    <definedName name="_xlnm.Print_Area" localSheetId="71">大字鴨島!$A$1:$N$52</definedName>
    <definedName name="_xlnm.Print_Area" localSheetId="160">大字丸山新田!$A$1:$N$52</definedName>
    <definedName name="_xlnm.Print_Area" localSheetId="228">大字岩木!$A$1:$N$52</definedName>
    <definedName name="_xlnm.Print_Area" localSheetId="116">大字儀明!$A$1:$N$52</definedName>
    <definedName name="_xlnm.Print_Area" localSheetId="417">大字吉浦!$A$1:$N$52</definedName>
    <definedName name="_xlnm.Print_Area" localSheetId="195">大字吉岡!$A$1:$N$52</definedName>
    <definedName name="_xlnm.Print_Area" localSheetId="240">大字宮野尾!$A$1:$N$52</definedName>
    <definedName name="_xlnm.Print_Area" localSheetId="241">大字牛池新田!$A$1:$N$52</definedName>
    <definedName name="_xlnm.Print_Area" localSheetId="330">大字居多!$A$1:$N$52</definedName>
    <definedName name="_xlnm.Print_Area" localSheetId="135">大字京田!$A$1:$N$52</definedName>
    <definedName name="_xlnm.Print_Area" localSheetId="185">大字桐原!$A$1:$N$52</definedName>
    <definedName name="_xlnm.Print_Area" localSheetId="381">大字駒林!$A$1:$N$52</definedName>
    <definedName name="_xlnm.Print_Area" localSheetId="208">大字熊塚!$A$1:$N$52</definedName>
    <definedName name="_xlnm.Print_Area" localSheetId="271">大字元屋敷!$A$1:$N$52</definedName>
    <definedName name="_xlnm.Print_Area" localSheetId="306">大字古城!$A$1:$N$52</definedName>
    <definedName name="_xlnm.Print_Area" localSheetId="183">大字戸野目!$A$1:$N$52</definedName>
    <definedName name="_xlnm.Print_Area" localSheetId="181">大字戸野目古新田!$A$1:$N$52</definedName>
    <definedName name="_xlnm.Print_Area" localSheetId="159">大字五ケ所新田!$A$1:$N$52</definedName>
    <definedName name="_xlnm.Print_Area" localSheetId="329">大字五智国分!$A$1:$N$52</definedName>
    <definedName name="_xlnm.Print_Area" localSheetId="386">大字五野井!$A$1:$N$52</definedName>
    <definedName name="_xlnm.Print_Area" localSheetId="118">大字後谷!$A$1:$N$52</definedName>
    <definedName name="_xlnm.Print_Area" localSheetId="113">大字向橋!$A$1:$N$52</definedName>
    <definedName name="_xlnm.Print_Area" localSheetId="187">大字荒屋!$A$1:$N$52</definedName>
    <definedName name="_xlnm.Print_Area" localSheetId="169">大字荒町!$A$1:$N$52</definedName>
    <definedName name="_xlnm.Print_Area" localSheetId="295">大字高崎新田!$A$1:$N$52</definedName>
    <definedName name="_xlnm.Print_Area" localSheetId="413">大字高住!$A$1:$N$52</definedName>
    <definedName name="_xlnm.Print_Area" localSheetId="143">大字高森!$A$1:$N$52</definedName>
    <definedName name="_xlnm.Print_Area" localSheetId="272">大字高津!$A$1:$N$52</definedName>
    <definedName name="_xlnm.Print_Area" localSheetId="170">大字高田新田!$A$1:$N$52</definedName>
    <definedName name="_xlnm.Print_Area" localSheetId="270">大字高和町!$A$1:$N$52</definedName>
    <definedName name="_xlnm.Print_Area" localSheetId="305">大字轟木!$A$1:$N$52</definedName>
    <definedName name="_xlnm.Print_Area" localSheetId="369">大字黒井!$A$1:$N$52</definedName>
    <definedName name="_xlnm.Print_Area" localSheetId="106">大字黒田!$A$1:$N$52</definedName>
    <definedName name="_xlnm.Print_Area" localSheetId="167">大字今泉!$A$1:$N$52</definedName>
    <definedName name="_xlnm.Print_Area" localSheetId="259">大字今池!$A$1:$N$52</definedName>
    <definedName name="_xlnm.Print_Area" localSheetId="343">大字佐内!$A$1:$N$52</definedName>
    <definedName name="_xlnm.Print_Area" localSheetId="345">大字三ツ屋!$A$1:$N$52</definedName>
    <definedName name="_xlnm.Print_Area" localSheetId="338">大字三ツ橋!$A$1:$N$52</definedName>
    <definedName name="_xlnm.Print_Area" localSheetId="337">大字三ツ橋新田!$A$1:$N$52</definedName>
    <definedName name="_xlnm.Print_Area" localSheetId="325">大字三交!$A$1:$N$52</definedName>
    <definedName name="_xlnm.Print_Area" localSheetId="425">大字三伝!$A$1:$N$52</definedName>
    <definedName name="_xlnm.Print_Area" localSheetId="334">大字三田!$A$1:$N$52</definedName>
    <definedName name="_xlnm.Print_Area" localSheetId="335">大字三田新田!$A$1:$N$52</definedName>
    <definedName name="_xlnm.Print_Area" localSheetId="179">大字四ケ所!$A$1:$N$52</definedName>
    <definedName name="_xlnm.Print_Area" localSheetId="192">大字四辻町!$A$1:$N$52</definedName>
    <definedName name="_xlnm.Print_Area" localSheetId="67">大字子安!$A$1:$N$52</definedName>
    <definedName name="_xlnm.Print_Area" localSheetId="69">大字子安新田!$A$1:$N$52</definedName>
    <definedName name="_xlnm.Print_Area" localSheetId="184">大字市野江!$A$1:$N$52</definedName>
    <definedName name="_xlnm.Print_Area" localSheetId="304">大字至徳寺!$A$1:$N$52</definedName>
    <definedName name="_xlnm.Print_Area" localSheetId="82">大字寺!$A$1:$N$52</definedName>
    <definedName name="_xlnm.Print_Area" localSheetId="163">大字寺町!$A$1:$N$52</definedName>
    <definedName name="_xlnm.Print_Area" localSheetId="231">大字寺分!$A$1:$N$52</definedName>
    <definedName name="_xlnm.Print_Area" localSheetId="165">大字七ケ所新田!$A$1:$N$52</definedName>
    <definedName name="_xlnm.Print_Area" localSheetId="276">大字十二ノ木!$A$1:$N$52</definedName>
    <definedName name="_xlnm.Print_Area" localSheetId="235">大字春日!$A$1:$N$52</definedName>
    <definedName name="_xlnm.Print_Area" localSheetId="359">大字春日新田!$A$1:$N$52</definedName>
    <definedName name="_xlnm.Print_Area" localSheetId="332">大字小猿屋!$A$1:$N$52</definedName>
    <definedName name="_xlnm.Print_Area" localSheetId="333">大字小猿屋新田!$A$1:$N$52</definedName>
    <definedName name="_xlnm.Print_Area" localSheetId="382">大字小泉!$A$1:$N$52</definedName>
    <definedName name="_xlnm.Print_Area" localSheetId="103">大字小滝!$A$1:$N$52</definedName>
    <definedName name="_xlnm.Print_Area" localSheetId="410">大字小池!$A$1:$N$52</definedName>
    <definedName name="_xlnm.Print_Area" localSheetId="421">大字小池新田!$A$1:$N$52</definedName>
    <definedName name="_xlnm.Print_Area" localSheetId="354">大字松村新田!$A$1:$N$52</definedName>
    <definedName name="_xlnm.Print_Area" localSheetId="281">大字松塚!$A$1:$N$52</definedName>
    <definedName name="_xlnm.Print_Area" localSheetId="80">大字上稲田!$A$1:$N$52</definedName>
    <definedName name="_xlnm.Print_Area" localSheetId="431">大字上宇山!$A$1:$N$52</definedName>
    <definedName name="_xlnm.Print_Area" localSheetId="202">大字上雲寺!$A$1:$N$52</definedName>
    <definedName name="_xlnm.Print_Area" localSheetId="406">大字上吉新田!$A$1:$N$52</definedName>
    <definedName name="_xlnm.Print_Area" localSheetId="389">大字上吉野!$A$1:$N$52</definedName>
    <definedName name="_xlnm.Print_Area" localSheetId="350">大字上源入!$A$1:$N$52</definedName>
    <definedName name="_xlnm.Print_Area" localSheetId="391">大字上五貫野!$A$1:$N$52</definedName>
    <definedName name="_xlnm.Print_Area" localSheetId="133">大字上綱子!$A$1:$N$52</definedName>
    <definedName name="_xlnm.Print_Area" localSheetId="371">大字上荒浜!$A$1:$N$52</definedName>
    <definedName name="_xlnm.Print_Area" localSheetId="204">大字上新町!$A$1:$N$52</definedName>
    <definedName name="_xlnm.Print_Area" localSheetId="139">大字上真砂!$A$1:$N$52</definedName>
    <definedName name="_xlnm.Print_Area" localSheetId="137">大字上正善寺!$A$1:$N$52</definedName>
    <definedName name="_xlnm.Print_Area" localSheetId="402">大字上千原!$A$1:$N$52</definedName>
    <definedName name="_xlnm.Print_Area" localSheetId="268">大字上曽根!$A$1:$N$52</definedName>
    <definedName name="_xlnm.Print_Area" localSheetId="194">大字上池部!$A$1:$N$52</definedName>
    <definedName name="_xlnm.Print_Area" localSheetId="110">大字上中田!$A$1:$N$52</definedName>
    <definedName name="_xlnm.Print_Area" localSheetId="85">大字上島!$A$1:$N$52</definedName>
    <definedName name="_xlnm.Print_Area" localSheetId="96">'大字上島（旧大日古川新田）'!$A$1:$N$52</definedName>
    <definedName name="_xlnm.Print_Area" localSheetId="117">大字上湯谷!$A$1:$N$52</definedName>
    <definedName name="_xlnm.Print_Area" localSheetId="155">大字上箱井!$A$1:$N$52</definedName>
    <definedName name="_xlnm.Print_Area" localSheetId="207">大字上富川!$A$1:$N$52</definedName>
    <definedName name="_xlnm.Print_Area" localSheetId="385">大字上名柄!$A$1:$N$52</definedName>
    <definedName name="_xlnm.Print_Area" localSheetId="102">大字上門前!$A$1:$N$52</definedName>
    <definedName name="_xlnm.Print_Area" localSheetId="191">大字上野田!$A$1:$N$52</definedName>
    <definedName name="_xlnm.Print_Area" localSheetId="264">大字新長者原!$A$1:$N$52</definedName>
    <definedName name="_xlnm.Print_Area" localSheetId="200">大字新保古新田!$A$1:$N$52</definedName>
    <definedName name="_xlnm.Print_Area" localSheetId="275">大字森田!$A$1:$N$52</definedName>
    <definedName name="_xlnm.Print_Area" localSheetId="144">大字諏訪!$A$1:$N$52</definedName>
    <definedName name="_xlnm.Print_Area" localSheetId="423">大字諏訪分!$A$1:$N$52</definedName>
    <definedName name="_xlnm.Print_Area" localSheetId="140">大字杉野袋!$A$1:$N$52</definedName>
    <definedName name="_xlnm.Print_Area" localSheetId="375">大字西ケ窪浜!$A$1:$N$52</definedName>
    <definedName name="_xlnm.Print_Area" localSheetId="409">大字西横山!$A$1:$N$52</definedName>
    <definedName name="_xlnm.Print_Area" localSheetId="441">大字西吉尾!$A$1:$N$52</definedName>
    <definedName name="_xlnm.Print_Area" localSheetId="427">大字西戸野!$A$1:$N$52</definedName>
    <definedName name="_xlnm.Print_Area" localSheetId="411">大字西山寺!$A$1:$N$52</definedName>
    <definedName name="_xlnm.Print_Area" localSheetId="180">大字西市野口!$A$1:$N$52</definedName>
    <definedName name="_xlnm.Print_Area" localSheetId="254">大字西松野木!$A$1:$N$52</definedName>
    <definedName name="_xlnm.Print_Area" localSheetId="435">大字西谷内!$A$1:$N$52</definedName>
    <definedName name="_xlnm.Print_Area" localSheetId="422">大字西鳥越!$A$1:$N$52</definedName>
    <definedName name="_xlnm.Print_Area" localSheetId="162">大字西田中!$A$1:$N$52</definedName>
    <definedName name="_xlnm.Print_Area" localSheetId="109">大字青木!$A$1:$N$52</definedName>
    <definedName name="_xlnm.Print_Area" localSheetId="388">大字青野!$A$1:$N$52</definedName>
    <definedName name="_xlnm.Print_Area" localSheetId="308">大字石橋!$A$1:$N$52</definedName>
    <definedName name="_xlnm.Print_Area" localSheetId="376">大字石橋新田!$A$1:$N$52</definedName>
    <definedName name="_xlnm.Print_Area" localSheetId="387">大字石川!$A$1:$N$52</definedName>
    <definedName name="_xlnm.Print_Area" localSheetId="164">大字石沢!$A$1:$N$52</definedName>
    <definedName name="_xlnm.Print_Area" localSheetId="99">大字赤塚新田!$A$1:$N$52</definedName>
    <definedName name="_xlnm.Print_Area" localSheetId="400">大字川端!$A$1:$N$52</definedName>
    <definedName name="_xlnm.Print_Area" localSheetId="438">大字増沢!$A$1:$N$52</definedName>
    <definedName name="_xlnm.Print_Area" localSheetId="119">大字大貫!$A$1:$N$52</definedName>
    <definedName name="_xlnm.Print_Area" localSheetId="279">大字大口!$A$1:$N$52</definedName>
    <definedName name="_xlnm.Print_Area" localSheetId="326">大字大場!$A$1:$N$52</definedName>
    <definedName name="_xlnm.Print_Area" localSheetId="232">大字大豆!$A$1:$N$52</definedName>
    <definedName name="_xlnm.Print_Area" localSheetId="98">大字大道新田!$A$1:$N$52</definedName>
    <definedName name="_xlnm.Print_Area" localSheetId="90">大字大道福田!$A$1:$N$52</definedName>
    <definedName name="_xlnm.Print_Area" localSheetId="83">大字大日!$A$1:$N$52</definedName>
    <definedName name="_xlnm.Print_Area" localSheetId="97">'大字大日（旧大日新田）'!$A$1:$N$52</definedName>
    <definedName name="_xlnm.Print_Area" localSheetId="439">大字大渕!$A$1:$N$52</definedName>
    <definedName name="_xlnm.Print_Area" localSheetId="129">大字滝寺!$A$1:$N$52</definedName>
    <definedName name="_xlnm.Print_Area" localSheetId="261">大字辰尾新田!$A$1:$N$52</definedName>
    <definedName name="_xlnm.Print_Area" localSheetId="415">大字丹原!$A$1:$N$52</definedName>
    <definedName name="_xlnm.Print_Area" localSheetId="428">大字鍛治免分!$A$1:$N$52</definedName>
    <definedName name="_xlnm.Print_Area" localSheetId="429">大字鍛冶免分!$A$1:$N$52</definedName>
    <definedName name="_xlnm.Print_Area" localSheetId="108">大字地頭方!$A$1:$N$52</definedName>
    <definedName name="_xlnm.Print_Area" localSheetId="205">大字池!$A$1:$N$52</definedName>
    <definedName name="_xlnm.Print_Area" localSheetId="366">大字池ノ端!$A$1:$N$52</definedName>
    <definedName name="_xlnm.Print_Area" localSheetId="418">大字茶屋ケ原!$A$1:$N$52</definedName>
    <definedName name="_xlnm.Print_Area" localSheetId="134">大字中ノ俣!$A$1:$N$52</definedName>
    <definedName name="_xlnm.Print_Area" localSheetId="230">大字中屋敷!$A$1:$N$52</definedName>
    <definedName name="_xlnm.Print_Area" localSheetId="414">大字中桑取!$A$1:$N$52</definedName>
    <definedName name="_xlnm.Print_Area" localSheetId="424">大字中桑取新田!$A$1:$N$52</definedName>
    <definedName name="_xlnm.Print_Area" localSheetId="399">大字中真砂!$A$1:$N$52</definedName>
    <definedName name="_xlnm.Print_Area" localSheetId="131">大字中正善寺!$A$1:$N$52</definedName>
    <definedName name="_xlnm.Print_Area" localSheetId="86">大字中々村新田!$A$1:$N$52</definedName>
    <definedName name="_xlnm.Print_Area" localSheetId="114">大字中田原!$A$1:$N$52</definedName>
    <definedName name="_xlnm.Print_Area" localSheetId="84">大字中田新田!$A$1:$N$52</definedName>
    <definedName name="_xlnm.Print_Area" localSheetId="156">大字中箱井!$A$1:$N$52</definedName>
    <definedName name="_xlnm.Print_Area" localSheetId="236">大字中門前!$A$1:$N$52</definedName>
    <definedName name="_xlnm.Print_Area" localSheetId="319">大字虫生岩戸!$A$1:$N$52</definedName>
    <definedName name="_xlnm.Print_Area" localSheetId="188">大字虫川!$A$1:$N$52</definedName>
    <definedName name="_xlnm.Print_Area" localSheetId="105">大字朝日!$A$1:$N$52</definedName>
    <definedName name="_xlnm.Print_Area" localSheetId="383">大字長岡!$A$1:$N$52</definedName>
    <definedName name="_xlnm.Print_Area" localSheetId="384">大字長岡新田!$A$1:$N$52</definedName>
    <definedName name="_xlnm.Print_Area" localSheetId="255">大字長者町!$A$1:$N$52</definedName>
    <definedName name="_xlnm.Print_Area" localSheetId="420">大字長浜!$A$1:$N$52</definedName>
    <definedName name="_xlnm.Print_Area" localSheetId="190">大字長面!$A$1:$N$52</definedName>
    <definedName name="_xlnm.Print_Area" localSheetId="301">大字直江津!$A$1:$N$52</definedName>
    <definedName name="_xlnm.Print_Area" localSheetId="242">大字塚田新田!$A$1:$N$52</definedName>
    <definedName name="_xlnm.Print_Area" localSheetId="146">大字鶴町!$A$1:$N$52</definedName>
    <definedName name="_xlnm.Print_Area" localSheetId="256">大字天野原新田!$A$1:$N$52</definedName>
    <definedName name="_xlnm.Print_Area" localSheetId="394">大字田沢新田!$A$1:$N$52</definedName>
    <definedName name="_xlnm.Print_Area" localSheetId="213">大字土橋!$A$1:$N$52</definedName>
    <definedName name="_xlnm.Print_Area" localSheetId="437">大字土口!$A$1:$N$52</definedName>
    <definedName name="_xlnm.Print_Area" localSheetId="166">大字土合!$A$1:$N$52</definedName>
    <definedName name="_xlnm.Print_Area" localSheetId="153">大字島田!$A$1:$N$52</definedName>
    <definedName name="_xlnm.Print_Area" localSheetId="154">大字島田下新田!$A$1:$N$52</definedName>
    <definedName name="_xlnm.Print_Area" localSheetId="152">大字島田上新田!$A$1:$N$52</definedName>
    <definedName name="_xlnm.Print_Area" localSheetId="262">大字東稲塚新田!$A$1:$N$52</definedName>
    <definedName name="_xlnm.Print_Area" localSheetId="440">大字東吉尾!$A$1:$N$52</definedName>
    <definedName name="_xlnm.Print_Area" localSheetId="280">大字東京田!$A$1:$N$52</definedName>
    <definedName name="_xlnm.Print_Area" localSheetId="145">大字東原!$A$1:$N$52</definedName>
    <definedName name="_xlnm.Print_Area" localSheetId="196">大字東市野口!$A$1:$N$52</definedName>
    <definedName name="_xlnm.Print_Area" localSheetId="401">大字東中島!$A$1:$N$52</definedName>
    <definedName name="_xlnm.Print_Area" localSheetId="215">大字藤巻!$A$1:$N$52</definedName>
    <definedName name="_xlnm.Print_Area" localSheetId="220">大字藤新田!$A$1:$N$52</definedName>
    <definedName name="_xlnm.Print_Area" localSheetId="199">大字藤塚!$A$1:$N$52</definedName>
    <definedName name="_xlnm.Print_Area" localSheetId="94">大字藤野新田!$A$1:$N$52</definedName>
    <definedName name="_xlnm.Print_Area" localSheetId="416">大字鍋ケ浦!$A$1:$N$52</definedName>
    <definedName name="_xlnm.Print_Area" localSheetId="142">大字南新保!$A$1:$N$52</definedName>
    <definedName name="_xlnm.Print_Area" localSheetId="88">大字南田屋新田!$A$1:$N$52</definedName>
    <definedName name="_xlnm.Print_Area" localSheetId="278">大字南方!$A$1:$N$52</definedName>
    <definedName name="_xlnm.Print_Area" localSheetId="227">大字薄袋!$A$1:$N$52</definedName>
    <definedName name="_xlnm.Print_Area" localSheetId="303">大字八幡!$A$1:$N$52</definedName>
    <definedName name="_xlnm.Print_Area" localSheetId="124">大字飯!$A$1:$N$52</definedName>
    <definedName name="_xlnm.Print_Area" localSheetId="398">大字飯塚!$A$1:$N$52</definedName>
    <definedName name="_xlnm.Print_Area" localSheetId="273">大字飯田!$A$1:$N$52</definedName>
    <definedName name="_xlnm.Print_Area" localSheetId="328">大字毘沙門国分寺!$A$1:$N$52</definedName>
    <definedName name="_xlnm.Print_Area" localSheetId="92">大字富岡!$A$1:$N$52</definedName>
    <definedName name="_xlnm.Print_Area" localSheetId="396">大字福岡新田!$A$1:$N$52</definedName>
    <definedName name="_xlnm.Print_Area" localSheetId="403">大字福橋!$A$1:$N$52</definedName>
    <definedName name="_xlnm.Print_Area" localSheetId="340">大字福田!$A$1:$N$52</definedName>
    <definedName name="_xlnm.Print_Area" localSheetId="87">大字平岡!$A$1:$N$52</definedName>
    <definedName name="_xlnm.Print_Area" localSheetId="148">大字米岡!$A$1:$N$52</definedName>
    <definedName name="_xlnm.Print_Area" localSheetId="141">大字北新保!$A$1:$N$52</definedName>
    <definedName name="_xlnm.Print_Area" localSheetId="436">大字北谷!$A$1:$N$52</definedName>
    <definedName name="_xlnm.Print_Area" localSheetId="89">大字北田屋新田!$A$1:$N$52</definedName>
    <definedName name="_xlnm.Print_Area" localSheetId="147">大字北田中!$A$1:$N$52</definedName>
    <definedName name="_xlnm.Print_Area" localSheetId="277">大字北方!$A$1:$N$52</definedName>
    <definedName name="_xlnm.Print_Area" localSheetId="201">大字本新保!$A$1:$N$52</definedName>
    <definedName name="_xlnm.Print_Area" localSheetId="257">大字本長者原!$A$1:$N$52</definedName>
    <definedName name="_xlnm.Print_Area" localSheetId="258">大字本長者原新田!$A$1:$N$52</definedName>
    <definedName name="_xlnm.Print_Area" localSheetId="186">大字本道!$A$1:$N$52</definedName>
    <definedName name="_xlnm.Print_Area" localSheetId="274">大字妙油!$A$1:$N$52</definedName>
    <definedName name="_xlnm.Print_Area" localSheetId="223">大字木田!$A$1:$N$52</definedName>
    <definedName name="_xlnm.Print_Area" localSheetId="217">大字木田新田!$A$1:$N$52</definedName>
    <definedName name="_xlnm.Print_Area" localSheetId="151">大字木島!$A$1:$N$52</definedName>
    <definedName name="_xlnm.Print_Area" localSheetId="182">大字門田新田!$A$1:$N$52</definedName>
    <definedName name="_xlnm.Print_Area" localSheetId="209">大字野尻!$A$1:$N$52</definedName>
    <definedName name="_xlnm.Print_Area" localSheetId="419">大字有間川!$A$1:$N$52</definedName>
    <definedName name="_xlnm.Print_Area" localSheetId="373">大字遊光寺浜!$A$1:$N$52</definedName>
    <definedName name="_xlnm.Print_Area" localSheetId="168">大字脇野田!$A$1:$N$52</definedName>
    <definedName name="_xlnm.Print_Area" localSheetId="197">大字劔!$A$1:$N$52</definedName>
    <definedName name="_xlnm.Print_Area" localSheetId="260">大字藪野!$A$1:$N$52</definedName>
    <definedName name="_xlnm.Print_Area" localSheetId="11">大手町!$A$1:$N$52</definedName>
    <definedName name="_xlnm.Print_Area" localSheetId="38">大町１丁目!$A$1:$N$52</definedName>
    <definedName name="_xlnm.Print_Area" localSheetId="39">大町２丁目!$A$1:$N$52</definedName>
    <definedName name="_xlnm.Print_Area" localSheetId="40">大町３丁目!$A$1:$N$52</definedName>
    <definedName name="_xlnm.Print_Area" localSheetId="41">大町４丁目!$A$1:$N$52</definedName>
    <definedName name="_xlnm.Print_Area" localSheetId="42">大町５丁目!$A$1:$N$52</definedName>
    <definedName name="_xlnm.Print_Area" localSheetId="233">大豆１丁目!$A$1:$N$52</definedName>
    <definedName name="_xlnm.Print_Area" localSheetId="234">大豆２丁目!$A$1:$N$52</definedName>
    <definedName name="_xlnm.Print_Area" localSheetId="91">大道福田!$A$1:$N$52</definedName>
    <definedName name="_xlnm.Print_Area" localSheetId="172">大和１丁目!$A$1:$N$52</definedName>
    <definedName name="_xlnm.Print_Area" localSheetId="173">大和２丁目!$A$1:$N$52</definedName>
    <definedName name="_xlnm.Print_Area" localSheetId="174">大和３丁目!$A$1:$N$52</definedName>
    <definedName name="_xlnm.Print_Area" localSheetId="175">大和４丁目!$A$1:$N$52</definedName>
    <definedName name="_xlnm.Print_Area" localSheetId="176">大和５丁目!$A$1:$N$52</definedName>
    <definedName name="_xlnm.Print_Area" localSheetId="177">大和６丁目!$A$1:$N$52</definedName>
    <definedName name="_xlnm.Print_Area" localSheetId="287">中央１丁目!$A$1:$N$52</definedName>
    <definedName name="_xlnm.Print_Area" localSheetId="288">中央２丁目!$A$1:$N$52</definedName>
    <definedName name="_xlnm.Print_Area" localSheetId="289">中央３丁目!$A$1:$N$52</definedName>
    <definedName name="_xlnm.Print_Area" localSheetId="290">中央４丁目!$A$1:$N$52</definedName>
    <definedName name="_xlnm.Print_Area" localSheetId="291">中央５丁目!$A$1:$N$52</definedName>
    <definedName name="_xlnm.Print_Area" localSheetId="112">中通町!$A$1:$N$52</definedName>
    <definedName name="_xlnm.Print_Area" localSheetId="237">中門前１丁目!$A$1:$N$52</definedName>
    <definedName name="_xlnm.Print_Area" localSheetId="238">中門前２丁目!$A$1:$N$52</definedName>
    <definedName name="_xlnm.Print_Area" localSheetId="239">中門前３丁目!$A$1:$N$52</definedName>
    <definedName name="_xlnm.Print_Area" localSheetId="28">仲町１丁目!$A$1:$N$52</definedName>
    <definedName name="_xlnm.Print_Area" localSheetId="29">仲町２丁目!$A$1:$N$52</definedName>
    <definedName name="_xlnm.Print_Area" localSheetId="30">仲町３丁目!$A$1:$N$52</definedName>
    <definedName name="_xlnm.Print_Area" localSheetId="31">仲町４丁目!$A$1:$N$52</definedName>
    <definedName name="_xlnm.Print_Area" localSheetId="32">仲町５丁目!$A$1:$N$52</definedName>
    <definedName name="_xlnm.Print_Area" localSheetId="33">仲町６丁目!$A$1:$N$52</definedName>
    <definedName name="_xlnm.Print_Area" localSheetId="432">'直江津地区（桑取）'!$A$1:$N$52</definedName>
    <definedName name="_xlnm.Print_Area" localSheetId="311">'直江津地区（五智）'!$A$1:$N$52</definedName>
    <definedName name="_xlnm.Print_Area" localSheetId="408">'直江津地区（谷浜）'!$A$1:$N$52</definedName>
    <definedName name="_xlnm.Print_Area" localSheetId="282">'直江津地区（直江津）'!$A$1:$N$52</definedName>
    <definedName name="_xlnm.Print_Area" localSheetId="368">'直江津地区（八千浦）'!$A$1:$N$52</definedName>
    <definedName name="_xlnm.Print_Area" localSheetId="379">'直江津地区（保倉）'!$A$1:$N$52</definedName>
    <definedName name="_xlnm.Print_Area" localSheetId="397">'直江津地区（北諏訪）'!$A$1:$N$52</definedName>
    <definedName name="_xlnm.Print_Area" localSheetId="331">'直江津地区（有田）'!$A$1:$N$52</definedName>
    <definedName name="_xlnm.Print_Area" localSheetId="367">田園!$A$1:$N$52</definedName>
    <definedName name="_xlnm.Print_Area" localSheetId="214">土橋!$A$1:$N$52</definedName>
    <definedName name="_xlnm.Print_Area" localSheetId="296">東雲町１丁目!$A$1:$N$52</definedName>
    <definedName name="_xlnm.Print_Area" localSheetId="297">東雲町２丁目!$A$1:$N$52</definedName>
    <definedName name="_xlnm.Print_Area" localSheetId="4">東城町１丁目!$A$1:$N$52</definedName>
    <definedName name="_xlnm.Print_Area" localSheetId="5">東城町２丁目!$A$1:$N$52</definedName>
    <definedName name="_xlnm.Print_Area" localSheetId="6">東城町３丁目!$A$1:$N$52</definedName>
    <definedName name="_xlnm.Print_Area" localSheetId="300">東町!$A$1:$N$52</definedName>
    <definedName name="_xlnm.Print_Area" localSheetId="52">東本町１丁目!$A$1:$N$52</definedName>
    <definedName name="_xlnm.Print_Area" localSheetId="53">東本町２丁目!$A$1:$N$52</definedName>
    <definedName name="_xlnm.Print_Area" localSheetId="54">東本町３丁目!$A$1:$N$52</definedName>
    <definedName name="_xlnm.Print_Area" localSheetId="55">東本町４丁目!$A$1:$N$52</definedName>
    <definedName name="_xlnm.Print_Area" localSheetId="56">東本町５丁目!$A$1:$N$52</definedName>
    <definedName name="_xlnm.Print_Area" localSheetId="216">藤巻!$A$1:$N$52</definedName>
    <definedName name="_xlnm.Print_Area" localSheetId="221">藤新田１丁目!$A$1:$N$52</definedName>
    <definedName name="_xlnm.Print_Area" localSheetId="222">藤新田２丁目!$A$1:$N$52</definedName>
    <definedName name="_xlnm.Print_Area" localSheetId="95">藤野新田!$A$1:$N$52</definedName>
    <definedName name="_xlnm.Print_Area" localSheetId="14">南高田町!$A$1:$N$52</definedName>
    <definedName name="_xlnm.Print_Area" localSheetId="7">南城町１丁目!$A$1:$N$52</definedName>
    <definedName name="_xlnm.Print_Area" localSheetId="8">南城町２丁目!$A$1:$N$52</definedName>
    <definedName name="_xlnm.Print_Area" localSheetId="9">南城町３丁目!$A$1:$N$52</definedName>
    <definedName name="_xlnm.Print_Area" localSheetId="10">南城町４丁目!$A$1:$N$52</definedName>
    <definedName name="_xlnm.Print_Area" localSheetId="13">南新町!$A$1:$N$52</definedName>
    <definedName name="_xlnm.Print_Area" localSheetId="1">南本町１丁目!$A$1:$N$52</definedName>
    <definedName name="_xlnm.Print_Area" localSheetId="2">南本町２丁目!$A$1:$N$52</definedName>
    <definedName name="_xlnm.Print_Area" localSheetId="3">南本町３丁目!$A$1:$N$52</definedName>
    <definedName name="_xlnm.Print_Area" localSheetId="370">日之出町!$A$1:$N$52</definedName>
    <definedName name="_xlnm.Print_Area" localSheetId="378">八千浦!$A$1:$N$52</definedName>
    <definedName name="_xlnm.Print_Area" localSheetId="93">富岡!$A$1:$N$52</definedName>
    <definedName name="_xlnm.Print_Area" localSheetId="341">福田町!$A$1:$N$52</definedName>
    <definedName name="_xlnm.Print_Area" localSheetId="211">平成町!$A$1:$N$52</definedName>
    <definedName name="_xlnm.Print_Area" localSheetId="149">米町!$A$1:$N$52</definedName>
    <definedName name="_xlnm.Print_Area" localSheetId="47">北城町１丁目!$A$1:$N$52</definedName>
    <definedName name="_xlnm.Print_Area" localSheetId="48">北城町２丁目!$A$1:$N$52</definedName>
    <definedName name="_xlnm.Print_Area" localSheetId="49">北城町３丁目!$A$1:$N$52</definedName>
    <definedName name="_xlnm.Print_Area" localSheetId="50">北城町４丁目!$A$1:$N$52</definedName>
    <definedName name="_xlnm.Print_Area" localSheetId="23">北本町１丁目!$A$1:$N$52</definedName>
    <definedName name="_xlnm.Print_Area" localSheetId="24">北本町２丁目!$A$1:$N$52</definedName>
    <definedName name="_xlnm.Print_Area" localSheetId="25">北本町３丁目!$A$1:$N$52</definedName>
    <definedName name="_xlnm.Print_Area" localSheetId="26">北本町４丁目!$A$1:$N$52</definedName>
    <definedName name="_xlnm.Print_Area" localSheetId="12">本城町!$A$1:$N$52</definedName>
    <definedName name="_xlnm.Print_Area" localSheetId="16">本町１丁目!$A$1:$N$52</definedName>
    <definedName name="_xlnm.Print_Area" localSheetId="17">本町２丁目!$A$1:$N$52</definedName>
    <definedName name="_xlnm.Print_Area" localSheetId="18">本町３丁目!$A$1:$N$52</definedName>
    <definedName name="_xlnm.Print_Area" localSheetId="19">本町４丁目!$A$1:$N$52</definedName>
    <definedName name="_xlnm.Print_Area" localSheetId="20">本町５丁目!$A$1:$N$52</definedName>
    <definedName name="_xlnm.Print_Area" localSheetId="21">本町６丁目!$A$1:$N$52</definedName>
    <definedName name="_xlnm.Print_Area" localSheetId="22">本町７丁目!$A$1:$N$52</definedName>
    <definedName name="_xlnm.Print_Area" localSheetId="224">木田１丁目!$A$1:$N$52</definedName>
    <definedName name="_xlnm.Print_Area" localSheetId="225">木田２丁目!$A$1:$N$52</definedName>
    <definedName name="_xlnm.Print_Area" localSheetId="226">木田３丁目!$A$1:$N$52</definedName>
    <definedName name="_xlnm.Print_Area" localSheetId="218">木田新田１丁目!$A$1:$N$52</definedName>
    <definedName name="_xlnm.Print_Area" localSheetId="219">木田新田２丁目!$A$1:$N$52</definedName>
    <definedName name="QE人口年齢住所見出し識別">#REF!</definedName>
    <definedName name="QE人口年齢町名識別">#REF!</definedName>
    <definedName name="QE人口年齢内訳">#REF!</definedName>
    <definedName name="Q人口年齢別集計表">#REF!</definedName>
    <definedName name="Q年齢別人口集計表">#REF!</definedName>
    <definedName name="T年齢別人口集計表">#REF!</definedName>
    <definedName name="高田地区・高田旧市・甲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" i="443" l="1"/>
  <c r="C2" i="443"/>
  <c r="B2" i="443" s="1"/>
  <c r="D2" i="442"/>
  <c r="C2" i="442"/>
  <c r="B2" i="442" s="1"/>
  <c r="D2" i="441"/>
  <c r="C2" i="441"/>
  <c r="D2" i="440"/>
  <c r="C2" i="440"/>
  <c r="B2" i="440" s="1"/>
  <c r="D2" i="439"/>
  <c r="C2" i="439"/>
  <c r="D2" i="438"/>
  <c r="C2" i="438"/>
  <c r="D2" i="437"/>
  <c r="C2" i="437"/>
  <c r="D2" i="436"/>
  <c r="C2" i="436"/>
  <c r="D2" i="435"/>
  <c r="C2" i="435"/>
  <c r="D2" i="434"/>
  <c r="C2" i="434"/>
  <c r="D2" i="433"/>
  <c r="C2" i="433"/>
  <c r="D2" i="432"/>
  <c r="C2" i="432"/>
  <c r="B2" i="432" s="1"/>
  <c r="D2" i="431"/>
  <c r="C2" i="431"/>
  <c r="D2" i="430"/>
  <c r="C2" i="430"/>
  <c r="D2" i="429"/>
  <c r="C2" i="429"/>
  <c r="D2" i="428"/>
  <c r="C2" i="428"/>
  <c r="D2" i="427"/>
  <c r="C2" i="427"/>
  <c r="D2" i="426"/>
  <c r="C2" i="426"/>
  <c r="D2" i="425"/>
  <c r="C2" i="425"/>
  <c r="D2" i="424"/>
  <c r="C2" i="424"/>
  <c r="D2" i="423"/>
  <c r="C2" i="423"/>
  <c r="D2" i="422"/>
  <c r="C2" i="422"/>
  <c r="D2" i="421"/>
  <c r="C2" i="421"/>
  <c r="D2" i="420"/>
  <c r="C2" i="420"/>
  <c r="D2" i="419"/>
  <c r="C2" i="419"/>
  <c r="D2" i="418"/>
  <c r="C2" i="418"/>
  <c r="D2" i="417"/>
  <c r="C2" i="417"/>
  <c r="D2" i="416"/>
  <c r="C2" i="416"/>
  <c r="D2" i="415"/>
  <c r="C2" i="415"/>
  <c r="D2" i="414"/>
  <c r="C2" i="414"/>
  <c r="D2" i="413"/>
  <c r="C2" i="413"/>
  <c r="D2" i="412"/>
  <c r="C2" i="412"/>
  <c r="D2" i="411"/>
  <c r="C2" i="411"/>
  <c r="D2" i="410"/>
  <c r="C2" i="410"/>
  <c r="D2" i="409"/>
  <c r="C2" i="409"/>
  <c r="D2" i="408"/>
  <c r="C2" i="408"/>
  <c r="D2" i="407"/>
  <c r="C2" i="407"/>
  <c r="D2" i="406"/>
  <c r="C2" i="406"/>
  <c r="D2" i="405"/>
  <c r="C2" i="405"/>
  <c r="D2" i="404"/>
  <c r="C2" i="404"/>
  <c r="D2" i="403"/>
  <c r="C2" i="403"/>
  <c r="D2" i="402"/>
  <c r="C2" i="402"/>
  <c r="D2" i="401"/>
  <c r="C2" i="401"/>
  <c r="D2" i="400"/>
  <c r="C2" i="400"/>
  <c r="D2" i="399"/>
  <c r="C2" i="399"/>
  <c r="D2" i="398"/>
  <c r="C2" i="398"/>
  <c r="D2" i="397"/>
  <c r="C2" i="397"/>
  <c r="D2" i="396"/>
  <c r="C2" i="396"/>
  <c r="D2" i="395"/>
  <c r="C2" i="395"/>
  <c r="D2" i="394"/>
  <c r="C2" i="394"/>
  <c r="D2" i="393"/>
  <c r="C2" i="393"/>
  <c r="D2" i="392"/>
  <c r="C2" i="392"/>
  <c r="D2" i="391"/>
  <c r="C2" i="391"/>
  <c r="D2" i="390"/>
  <c r="C2" i="390"/>
  <c r="D2" i="389"/>
  <c r="C2" i="389"/>
  <c r="D2" i="388"/>
  <c r="C2" i="388"/>
  <c r="D2" i="387"/>
  <c r="C2" i="387"/>
  <c r="D2" i="386"/>
  <c r="C2" i="386"/>
  <c r="D2" i="385"/>
  <c r="C2" i="385"/>
  <c r="D2" i="384"/>
  <c r="C2" i="384"/>
  <c r="D2" i="383"/>
  <c r="C2" i="383"/>
  <c r="D2" i="382"/>
  <c r="C2" i="382"/>
  <c r="D2" i="381"/>
  <c r="C2" i="381"/>
  <c r="D2" i="380"/>
  <c r="C2" i="380"/>
  <c r="D2" i="379"/>
  <c r="C2" i="379"/>
  <c r="D2" i="378"/>
  <c r="C2" i="378"/>
  <c r="D2" i="377"/>
  <c r="C2" i="377"/>
  <c r="D2" i="376"/>
  <c r="C2" i="376"/>
  <c r="D2" i="375"/>
  <c r="C2" i="375"/>
  <c r="D2" i="374"/>
  <c r="C2" i="374"/>
  <c r="D2" i="373"/>
  <c r="C2" i="373"/>
  <c r="D2" i="372"/>
  <c r="C2" i="372"/>
  <c r="D2" i="371"/>
  <c r="C2" i="371"/>
  <c r="D2" i="370"/>
  <c r="C2" i="370"/>
  <c r="D2" i="369"/>
  <c r="C2" i="369"/>
  <c r="D2" i="368"/>
  <c r="C2" i="368"/>
  <c r="D2" i="367"/>
  <c r="C2" i="367"/>
  <c r="D2" i="366"/>
  <c r="C2" i="366"/>
  <c r="D2" i="365"/>
  <c r="C2" i="365"/>
  <c r="D2" i="364"/>
  <c r="C2" i="364"/>
  <c r="D2" i="363"/>
  <c r="C2" i="363"/>
  <c r="D2" i="362"/>
  <c r="C2" i="362"/>
  <c r="D2" i="361"/>
  <c r="C2" i="361"/>
  <c r="D2" i="360"/>
  <c r="C2" i="360"/>
  <c r="D2" i="359"/>
  <c r="C2" i="359"/>
  <c r="D2" i="358"/>
  <c r="C2" i="358"/>
  <c r="D2" i="357"/>
  <c r="C2" i="357"/>
  <c r="D2" i="356"/>
  <c r="C2" i="356"/>
  <c r="D2" i="355"/>
  <c r="C2" i="355"/>
  <c r="D2" i="354"/>
  <c r="C2" i="354"/>
  <c r="D2" i="353"/>
  <c r="C2" i="353"/>
  <c r="D2" i="352"/>
  <c r="C2" i="352"/>
  <c r="D2" i="351"/>
  <c r="C2" i="351"/>
  <c r="D2" i="350"/>
  <c r="C2" i="350"/>
  <c r="D2" i="349"/>
  <c r="C2" i="349"/>
  <c r="D2" i="348"/>
  <c r="C2" i="348"/>
  <c r="D2" i="347"/>
  <c r="C2" i="347"/>
  <c r="D2" i="346"/>
  <c r="C2" i="346"/>
  <c r="D2" i="345"/>
  <c r="C2" i="345"/>
  <c r="D2" i="344"/>
  <c r="C2" i="344"/>
  <c r="D2" i="343"/>
  <c r="C2" i="343"/>
  <c r="D2" i="342"/>
  <c r="C2" i="342"/>
  <c r="D2" i="341"/>
  <c r="C2" i="341"/>
  <c r="D2" i="340"/>
  <c r="C2" i="340"/>
  <c r="D2" i="339"/>
  <c r="C2" i="339"/>
  <c r="D2" i="338"/>
  <c r="C2" i="338"/>
  <c r="D2" i="337"/>
  <c r="C2" i="337"/>
  <c r="D2" i="336"/>
  <c r="C2" i="336"/>
  <c r="D2" i="335"/>
  <c r="C2" i="335"/>
  <c r="D2" i="334"/>
  <c r="C2" i="334"/>
  <c r="D2" i="333"/>
  <c r="C2" i="333"/>
  <c r="D2" i="332"/>
  <c r="C2" i="332"/>
  <c r="D2" i="331"/>
  <c r="C2" i="331"/>
  <c r="D2" i="330"/>
  <c r="C2" i="330"/>
  <c r="D2" i="329"/>
  <c r="C2" i="329"/>
  <c r="D2" i="328"/>
  <c r="C2" i="328"/>
  <c r="D2" i="327"/>
  <c r="C2" i="327"/>
  <c r="D2" i="326"/>
  <c r="C2" i="326"/>
  <c r="D2" i="325"/>
  <c r="C2" i="325"/>
  <c r="D2" i="324"/>
  <c r="C2" i="324"/>
  <c r="D2" i="323"/>
  <c r="C2" i="323"/>
  <c r="D2" i="322"/>
  <c r="C2" i="322"/>
  <c r="D2" i="321"/>
  <c r="C2" i="321"/>
  <c r="D2" i="320"/>
  <c r="C2" i="320"/>
  <c r="D2" i="319"/>
  <c r="C2" i="319"/>
  <c r="D2" i="318"/>
  <c r="C2" i="318"/>
  <c r="D2" i="317"/>
  <c r="C2" i="317"/>
  <c r="D2" i="316"/>
  <c r="C2" i="316"/>
  <c r="D2" i="315"/>
  <c r="C2" i="315"/>
  <c r="D2" i="314"/>
  <c r="C2" i="314"/>
  <c r="D2" i="313"/>
  <c r="C2" i="313"/>
  <c r="D2" i="312"/>
  <c r="C2" i="312"/>
  <c r="D2" i="311"/>
  <c r="C2" i="311"/>
  <c r="D2" i="310"/>
  <c r="C2" i="310"/>
  <c r="D2" i="309"/>
  <c r="C2" i="309"/>
  <c r="D2" i="308"/>
  <c r="C2" i="308"/>
  <c r="D2" i="307"/>
  <c r="C2" i="307"/>
  <c r="D2" i="306"/>
  <c r="C2" i="306"/>
  <c r="D2" i="305"/>
  <c r="C2" i="305"/>
  <c r="D2" i="304"/>
  <c r="C2" i="304"/>
  <c r="D2" i="303"/>
  <c r="C2" i="303"/>
  <c r="D2" i="302"/>
  <c r="C2" i="302"/>
  <c r="D2" i="301"/>
  <c r="C2" i="301"/>
  <c r="D2" i="300"/>
  <c r="C2" i="300"/>
  <c r="D2" i="299"/>
  <c r="C2" i="299"/>
  <c r="D2" i="298"/>
  <c r="C2" i="298"/>
  <c r="D2" i="297"/>
  <c r="C2" i="297"/>
  <c r="D2" i="296"/>
  <c r="C2" i="296"/>
  <c r="D2" i="295"/>
  <c r="C2" i="295"/>
  <c r="D2" i="294"/>
  <c r="C2" i="294"/>
  <c r="D2" i="293"/>
  <c r="C2" i="293"/>
  <c r="D2" i="292"/>
  <c r="C2" i="292"/>
  <c r="D2" i="291"/>
  <c r="C2" i="291"/>
  <c r="D2" i="290"/>
  <c r="C2" i="290"/>
  <c r="D2" i="289"/>
  <c r="C2" i="289"/>
  <c r="D2" i="288"/>
  <c r="C2" i="288"/>
  <c r="D2" i="287"/>
  <c r="C2" i="287"/>
  <c r="D2" i="286"/>
  <c r="C2" i="286"/>
  <c r="D2" i="285"/>
  <c r="C2" i="285"/>
  <c r="D2" i="284"/>
  <c r="C2" i="284"/>
  <c r="D2" i="283"/>
  <c r="C2" i="283"/>
  <c r="D2" i="282"/>
  <c r="C2" i="282"/>
  <c r="D2" i="281"/>
  <c r="C2" i="281"/>
  <c r="D2" i="280"/>
  <c r="C2" i="280"/>
  <c r="D2" i="279"/>
  <c r="C2" i="279"/>
  <c r="D2" i="278"/>
  <c r="C2" i="278"/>
  <c r="D2" i="277"/>
  <c r="C2" i="277"/>
  <c r="D2" i="276"/>
  <c r="C2" i="276"/>
  <c r="D2" i="275"/>
  <c r="C2" i="275"/>
  <c r="D2" i="274"/>
  <c r="C2" i="274"/>
  <c r="D2" i="273"/>
  <c r="C2" i="273"/>
  <c r="D2" i="272"/>
  <c r="C2" i="272"/>
  <c r="D2" i="271"/>
  <c r="C2" i="271"/>
  <c r="D2" i="270"/>
  <c r="C2" i="270"/>
  <c r="D2" i="269"/>
  <c r="C2" i="269"/>
  <c r="D2" i="268"/>
  <c r="C2" i="268"/>
  <c r="D2" i="267"/>
  <c r="C2" i="267"/>
  <c r="D2" i="266"/>
  <c r="C2" i="266"/>
  <c r="D2" i="265"/>
  <c r="C2" i="265"/>
  <c r="D2" i="264"/>
  <c r="C2" i="264"/>
  <c r="D2" i="263"/>
  <c r="C2" i="263"/>
  <c r="D2" i="262"/>
  <c r="C2" i="262"/>
  <c r="D2" i="261"/>
  <c r="C2" i="261"/>
  <c r="D2" i="260"/>
  <c r="C2" i="260"/>
  <c r="D2" i="259"/>
  <c r="C2" i="259"/>
  <c r="D2" i="258"/>
  <c r="C2" i="258"/>
  <c r="D2" i="257"/>
  <c r="C2" i="257"/>
  <c r="D2" i="256"/>
  <c r="C2" i="256"/>
  <c r="D2" i="255"/>
  <c r="C2" i="255"/>
  <c r="D2" i="254"/>
  <c r="C2" i="254"/>
  <c r="D2" i="253"/>
  <c r="C2" i="253"/>
  <c r="D2" i="252"/>
  <c r="C2" i="252"/>
  <c r="D2" i="251"/>
  <c r="C2" i="251"/>
  <c r="D2" i="250"/>
  <c r="C2" i="250"/>
  <c r="D2" i="249"/>
  <c r="C2" i="249"/>
  <c r="D2" i="248"/>
  <c r="C2" i="248"/>
  <c r="D2" i="247"/>
  <c r="C2" i="247"/>
  <c r="D2" i="246"/>
  <c r="C2" i="246"/>
  <c r="D2" i="245"/>
  <c r="C2" i="245"/>
  <c r="D2" i="244"/>
  <c r="C2" i="244"/>
  <c r="D2" i="243"/>
  <c r="C2" i="243"/>
  <c r="D2" i="242"/>
  <c r="C2" i="242"/>
  <c r="D2" i="241"/>
  <c r="C2" i="241"/>
  <c r="D2" i="240"/>
  <c r="C2" i="240"/>
  <c r="D2" i="239"/>
  <c r="C2" i="239"/>
  <c r="D2" i="238"/>
  <c r="C2" i="238"/>
  <c r="D2" i="237"/>
  <c r="C2" i="237"/>
  <c r="D2" i="236"/>
  <c r="C2" i="236"/>
  <c r="D2" i="235"/>
  <c r="C2" i="235"/>
  <c r="D2" i="234"/>
  <c r="C2" i="234"/>
  <c r="D2" i="233"/>
  <c r="C2" i="233"/>
  <c r="D2" i="232"/>
  <c r="C2" i="232"/>
  <c r="D2" i="231"/>
  <c r="C2" i="231"/>
  <c r="D2" i="230"/>
  <c r="C2" i="230"/>
  <c r="D2" i="229"/>
  <c r="C2" i="229"/>
  <c r="D2" i="228"/>
  <c r="C2" i="228"/>
  <c r="D2" i="227"/>
  <c r="C2" i="227"/>
  <c r="D2" i="226"/>
  <c r="C2" i="226"/>
  <c r="D2" i="225"/>
  <c r="C2" i="225"/>
  <c r="D2" i="224"/>
  <c r="C2" i="224"/>
  <c r="D2" i="223"/>
  <c r="C2" i="223"/>
  <c r="D2" i="222"/>
  <c r="C2" i="222"/>
  <c r="D2" i="221"/>
  <c r="C2" i="221"/>
  <c r="D2" i="220"/>
  <c r="C2" i="220"/>
  <c r="D2" i="219"/>
  <c r="C2" i="219"/>
  <c r="D2" i="218"/>
  <c r="C2" i="218"/>
  <c r="D2" i="217"/>
  <c r="C2" i="217"/>
  <c r="D2" i="216"/>
  <c r="C2" i="216"/>
  <c r="D2" i="215"/>
  <c r="C2" i="215"/>
  <c r="D2" i="214"/>
  <c r="C2" i="214"/>
  <c r="D2" i="213"/>
  <c r="C2" i="213"/>
  <c r="D2" i="212"/>
  <c r="C2" i="212"/>
  <c r="D2" i="211"/>
  <c r="C2" i="211"/>
  <c r="D2" i="210"/>
  <c r="C2" i="210"/>
  <c r="D2" i="209"/>
  <c r="C2" i="209"/>
  <c r="D2" i="208"/>
  <c r="C2" i="208"/>
  <c r="D2" i="207"/>
  <c r="C2" i="207"/>
  <c r="D2" i="206"/>
  <c r="C2" i="206"/>
  <c r="D2" i="205"/>
  <c r="C2" i="205"/>
  <c r="D2" i="204"/>
  <c r="C2" i="204"/>
  <c r="D2" i="203"/>
  <c r="C2" i="203"/>
  <c r="D2" i="202"/>
  <c r="C2" i="202"/>
  <c r="D2" i="201"/>
  <c r="C2" i="201"/>
  <c r="D2" i="200"/>
  <c r="C2" i="200"/>
  <c r="D2" i="199"/>
  <c r="C2" i="199"/>
  <c r="D2" i="198"/>
  <c r="C2" i="198"/>
  <c r="D2" i="197"/>
  <c r="C2" i="197"/>
  <c r="D2" i="196"/>
  <c r="C2" i="196"/>
  <c r="D2" i="195"/>
  <c r="C2" i="195"/>
  <c r="D2" i="194"/>
  <c r="C2" i="194"/>
  <c r="D2" i="193"/>
  <c r="C2" i="193"/>
  <c r="D2" i="192"/>
  <c r="C2" i="192"/>
  <c r="D2" i="191"/>
  <c r="C2" i="191"/>
  <c r="D2" i="190"/>
  <c r="C2" i="190"/>
  <c r="D2" i="189"/>
  <c r="C2" i="189"/>
  <c r="D2" i="188"/>
  <c r="C2" i="188"/>
  <c r="D2" i="187"/>
  <c r="C2" i="187"/>
  <c r="D2" i="186"/>
  <c r="C2" i="186"/>
  <c r="D2" i="185"/>
  <c r="C2" i="185"/>
  <c r="D2" i="184"/>
  <c r="C2" i="184"/>
  <c r="D2" i="183"/>
  <c r="C2" i="183"/>
  <c r="D2" i="182"/>
  <c r="C2" i="182"/>
  <c r="D2" i="181"/>
  <c r="C2" i="181"/>
  <c r="D2" i="180"/>
  <c r="C2" i="180"/>
  <c r="D2" i="179"/>
  <c r="C2" i="179"/>
  <c r="D2" i="178"/>
  <c r="C2" i="178"/>
  <c r="D2" i="177"/>
  <c r="C2" i="177"/>
  <c r="D2" i="176"/>
  <c r="C2" i="176"/>
  <c r="D2" i="175"/>
  <c r="C2" i="175"/>
  <c r="D2" i="174"/>
  <c r="C2" i="174"/>
  <c r="D2" i="173"/>
  <c r="C2" i="173"/>
  <c r="D2" i="172"/>
  <c r="C2" i="172"/>
  <c r="D2" i="171"/>
  <c r="C2" i="171"/>
  <c r="D2" i="170"/>
  <c r="C2" i="170"/>
  <c r="D2" i="169"/>
  <c r="C2" i="169"/>
  <c r="D2" i="168"/>
  <c r="C2" i="168"/>
  <c r="D2" i="167"/>
  <c r="C2" i="167"/>
  <c r="D2" i="166"/>
  <c r="C2" i="166"/>
  <c r="D2" i="165"/>
  <c r="C2" i="165"/>
  <c r="D2" i="164"/>
  <c r="C2" i="164"/>
  <c r="D2" i="163"/>
  <c r="C2" i="163"/>
  <c r="D2" i="162"/>
  <c r="C2" i="162"/>
  <c r="D2" i="161"/>
  <c r="C2" i="161"/>
  <c r="D2" i="160"/>
  <c r="C2" i="160"/>
  <c r="D2" i="159"/>
  <c r="C2" i="159"/>
  <c r="D2" i="158"/>
  <c r="C2" i="158"/>
  <c r="D2" i="157"/>
  <c r="C2" i="157"/>
  <c r="D2" i="156"/>
  <c r="C2" i="156"/>
  <c r="D2" i="155"/>
  <c r="C2" i="155"/>
  <c r="D2" i="154"/>
  <c r="C2" i="154"/>
  <c r="D2" i="153"/>
  <c r="C2" i="153"/>
  <c r="D2" i="152"/>
  <c r="C2" i="152"/>
  <c r="D2" i="151"/>
  <c r="C2" i="151"/>
  <c r="D2" i="150"/>
  <c r="C2" i="150"/>
  <c r="D2" i="149"/>
  <c r="C2" i="149"/>
  <c r="D2" i="148"/>
  <c r="C2" i="148"/>
  <c r="D2" i="147"/>
  <c r="C2" i="147"/>
  <c r="D2" i="146"/>
  <c r="C2" i="146"/>
  <c r="D2" i="145"/>
  <c r="C2" i="145"/>
  <c r="D2" i="144"/>
  <c r="C2" i="144"/>
  <c r="D2" i="143"/>
  <c r="C2" i="143"/>
  <c r="D2" i="142"/>
  <c r="C2" i="142"/>
  <c r="D2" i="141"/>
  <c r="C2" i="141"/>
  <c r="D2" i="140"/>
  <c r="C2" i="140"/>
  <c r="D2" i="139"/>
  <c r="C2" i="139"/>
  <c r="D2" i="138"/>
  <c r="C2" i="138"/>
  <c r="D2" i="137"/>
  <c r="C2" i="137"/>
  <c r="D2" i="136"/>
  <c r="C2" i="136"/>
  <c r="D2" i="135"/>
  <c r="C2" i="135"/>
  <c r="D2" i="134"/>
  <c r="C2" i="134"/>
  <c r="D2" i="133"/>
  <c r="C2" i="133"/>
  <c r="D2" i="132"/>
  <c r="C2" i="132"/>
  <c r="D2" i="131"/>
  <c r="C2" i="131"/>
  <c r="D2" i="130"/>
  <c r="C2" i="130"/>
  <c r="D2" i="129"/>
  <c r="C2" i="129"/>
  <c r="D2" i="128"/>
  <c r="C2" i="128"/>
  <c r="D2" i="127"/>
  <c r="C2" i="127"/>
  <c r="D2" i="126"/>
  <c r="C2" i="126"/>
  <c r="D2" i="125"/>
  <c r="C2" i="125"/>
  <c r="D2" i="124"/>
  <c r="C2" i="124"/>
  <c r="D2" i="123"/>
  <c r="C2" i="123"/>
  <c r="D2" i="122"/>
  <c r="C2" i="122"/>
  <c r="D2" i="121"/>
  <c r="C2" i="121"/>
  <c r="D2" i="120"/>
  <c r="C2" i="120"/>
  <c r="D2" i="119"/>
  <c r="C2" i="119"/>
  <c r="D2" i="118"/>
  <c r="C2" i="118"/>
  <c r="D2" i="117"/>
  <c r="C2" i="117"/>
  <c r="D2" i="116"/>
  <c r="C2" i="116"/>
  <c r="D2" i="115"/>
  <c r="C2" i="115"/>
  <c r="D2" i="114"/>
  <c r="C2" i="114"/>
  <c r="D2" i="113"/>
  <c r="C2" i="113"/>
  <c r="D2" i="112"/>
  <c r="C2" i="112"/>
  <c r="D2" i="111"/>
  <c r="C2" i="111"/>
  <c r="D2" i="110"/>
  <c r="C2" i="110"/>
  <c r="D2" i="109"/>
  <c r="C2" i="109"/>
  <c r="D2" i="108"/>
  <c r="C2" i="108"/>
  <c r="D2" i="107"/>
  <c r="C2" i="107"/>
  <c r="D2" i="106"/>
  <c r="C2" i="106"/>
  <c r="D2" i="105"/>
  <c r="C2" i="105"/>
  <c r="D2" i="104"/>
  <c r="C2" i="104"/>
  <c r="D2" i="103"/>
  <c r="C2" i="103"/>
  <c r="D2" i="102"/>
  <c r="C2" i="102"/>
  <c r="D2" i="101"/>
  <c r="C2" i="101"/>
  <c r="D2" i="100"/>
  <c r="C2" i="100"/>
  <c r="D2" i="99"/>
  <c r="C2" i="99"/>
  <c r="D2" i="98"/>
  <c r="C2" i="98"/>
  <c r="D2" i="97"/>
  <c r="C2" i="97"/>
  <c r="D2" i="96"/>
  <c r="C2" i="96"/>
  <c r="D2" i="95"/>
  <c r="C2" i="95"/>
  <c r="D2" i="94"/>
  <c r="C2" i="94"/>
  <c r="D2" i="93"/>
  <c r="C2" i="93"/>
  <c r="D2" i="92"/>
  <c r="C2" i="92"/>
  <c r="D2" i="91"/>
  <c r="C2" i="91"/>
  <c r="D2" i="90"/>
  <c r="C2" i="90"/>
  <c r="D2" i="89"/>
  <c r="C2" i="89"/>
  <c r="D2" i="88"/>
  <c r="C2" i="88"/>
  <c r="D2" i="87"/>
  <c r="C2" i="87"/>
  <c r="D2" i="86"/>
  <c r="C2" i="86"/>
  <c r="D2" i="85"/>
  <c r="C2" i="85"/>
  <c r="D2" i="84"/>
  <c r="C2" i="84"/>
  <c r="D2" i="83"/>
  <c r="C2" i="83"/>
  <c r="D2" i="82"/>
  <c r="C2" i="82"/>
  <c r="D2" i="81"/>
  <c r="C2" i="81"/>
  <c r="D2" i="80"/>
  <c r="C2" i="80"/>
  <c r="D2" i="79"/>
  <c r="C2" i="79"/>
  <c r="D2" i="78"/>
  <c r="C2" i="78"/>
  <c r="D2" i="77"/>
  <c r="C2" i="77"/>
  <c r="D2" i="76"/>
  <c r="C2" i="76"/>
  <c r="D2" i="75"/>
  <c r="C2" i="75"/>
  <c r="D2" i="74"/>
  <c r="C2" i="74"/>
  <c r="D2" i="73"/>
  <c r="C2" i="73"/>
  <c r="D2" i="72"/>
  <c r="C2" i="72"/>
  <c r="D2" i="71"/>
  <c r="C2" i="71"/>
  <c r="D2" i="70"/>
  <c r="C2" i="70"/>
  <c r="D2" i="69"/>
  <c r="C2" i="69"/>
  <c r="D2" i="68"/>
  <c r="C2" i="68"/>
  <c r="D2" i="67"/>
  <c r="C2" i="67"/>
  <c r="D2" i="66"/>
  <c r="C2" i="66"/>
  <c r="D2" i="65"/>
  <c r="C2" i="65"/>
  <c r="D2" i="64"/>
  <c r="C2" i="64"/>
  <c r="D2" i="63"/>
  <c r="C2" i="63"/>
  <c r="D2" i="62"/>
  <c r="C2" i="62"/>
  <c r="D2" i="61"/>
  <c r="C2" i="61"/>
  <c r="D2" i="60"/>
  <c r="C2" i="60"/>
  <c r="D2" i="59"/>
  <c r="C2" i="59"/>
  <c r="D2" i="58"/>
  <c r="C2" i="58"/>
  <c r="D2" i="57"/>
  <c r="C2" i="57"/>
  <c r="D2" i="56"/>
  <c r="C2" i="56"/>
  <c r="D2" i="55"/>
  <c r="C2" i="55"/>
  <c r="D2" i="54"/>
  <c r="C2" i="54"/>
  <c r="D2" i="53"/>
  <c r="C2" i="53"/>
  <c r="D2" i="52"/>
  <c r="C2" i="52"/>
  <c r="D2" i="51"/>
  <c r="C2" i="51"/>
  <c r="D2" i="50"/>
  <c r="C2" i="50"/>
  <c r="D2" i="49"/>
  <c r="C2" i="49"/>
  <c r="D2" i="48"/>
  <c r="C2" i="48"/>
  <c r="D2" i="47"/>
  <c r="C2" i="47"/>
  <c r="D2" i="46"/>
  <c r="C2" i="46"/>
  <c r="D2" i="45"/>
  <c r="C2" i="45"/>
  <c r="D2" i="44"/>
  <c r="C2" i="44"/>
  <c r="D2" i="43"/>
  <c r="C2" i="43"/>
  <c r="D2" i="42"/>
  <c r="C2" i="42"/>
  <c r="D2" i="41"/>
  <c r="C2" i="41"/>
  <c r="D2" i="40"/>
  <c r="C2" i="40"/>
  <c r="D2" i="39"/>
  <c r="C2" i="39"/>
  <c r="D2" i="38"/>
  <c r="C2" i="38"/>
  <c r="D2" i="37"/>
  <c r="C2" i="37"/>
  <c r="D2" i="36"/>
  <c r="C2" i="36"/>
  <c r="D2" i="35"/>
  <c r="C2" i="35"/>
  <c r="D2" i="34"/>
  <c r="C2" i="34"/>
  <c r="D2" i="33"/>
  <c r="C2" i="33"/>
  <c r="D2" i="32"/>
  <c r="C2" i="32"/>
  <c r="D2" i="31"/>
  <c r="C2" i="31"/>
  <c r="D2" i="30"/>
  <c r="C2" i="30"/>
  <c r="D2" i="29"/>
  <c r="C2" i="29"/>
  <c r="D2" i="28"/>
  <c r="C2" i="28"/>
  <c r="D2" i="27"/>
  <c r="C2" i="27"/>
  <c r="D2" i="26"/>
  <c r="C2" i="26"/>
  <c r="D2" i="25"/>
  <c r="C2" i="25"/>
  <c r="D2" i="24"/>
  <c r="C2" i="24"/>
  <c r="D2" i="23"/>
  <c r="C2" i="23"/>
  <c r="D2" i="22"/>
  <c r="C2" i="22"/>
  <c r="D2" i="21"/>
  <c r="C2" i="21"/>
  <c r="D2" i="20"/>
  <c r="C2" i="20"/>
  <c r="D2" i="19"/>
  <c r="C2" i="19"/>
  <c r="D2" i="18"/>
  <c r="C2" i="18"/>
  <c r="D2" i="17"/>
  <c r="C2" i="17"/>
  <c r="D2" i="16"/>
  <c r="C2" i="16"/>
  <c r="D2" i="15"/>
  <c r="C2" i="15"/>
  <c r="D2" i="14"/>
  <c r="C2" i="14"/>
  <c r="D2" i="13"/>
  <c r="C2" i="13"/>
  <c r="D2" i="12"/>
  <c r="C2" i="12"/>
  <c r="D2" i="11"/>
  <c r="C2" i="11"/>
  <c r="D2" i="10"/>
  <c r="C2" i="10"/>
  <c r="D2" i="9"/>
  <c r="C2" i="9"/>
  <c r="D2" i="8"/>
  <c r="C2" i="8"/>
  <c r="D2" i="7"/>
  <c r="C2" i="7"/>
  <c r="D2" i="6"/>
  <c r="C2" i="6"/>
  <c r="D2" i="5"/>
  <c r="C2" i="5"/>
  <c r="D2" i="4"/>
  <c r="C2" i="4"/>
  <c r="D2" i="3"/>
  <c r="C2" i="3"/>
  <c r="D2" i="2"/>
  <c r="C2" i="2"/>
  <c r="B2" i="441" l="1"/>
  <c r="B2" i="436"/>
  <c r="B2" i="438"/>
  <c r="B2" i="439"/>
  <c r="B2" i="433"/>
  <c r="B2" i="437"/>
  <c r="B2" i="435"/>
  <c r="B2" i="425"/>
  <c r="B2" i="431"/>
  <c r="B2" i="434"/>
  <c r="B2" i="429"/>
  <c r="B2" i="420"/>
  <c r="B2" i="422"/>
  <c r="B2" i="424"/>
  <c r="B2" i="426"/>
  <c r="B2" i="430"/>
  <c r="B2" i="428"/>
  <c r="B2" i="427"/>
  <c r="B2" i="423"/>
  <c r="B2" i="421"/>
  <c r="B2" i="419"/>
  <c r="B2" i="404"/>
  <c r="B2" i="408"/>
  <c r="B2" i="412"/>
  <c r="B2" i="414"/>
  <c r="B2" i="418"/>
  <c r="B2" i="416"/>
  <c r="B2" i="413"/>
  <c r="B2" i="415"/>
  <c r="B2" i="417"/>
  <c r="B2" i="411"/>
  <c r="B2" i="410"/>
  <c r="B2" i="409"/>
  <c r="B2" i="406"/>
  <c r="B2" i="405"/>
  <c r="B2" i="407"/>
  <c r="B2" i="403"/>
  <c r="B2" i="402"/>
  <c r="B2" i="399"/>
  <c r="B2" i="401"/>
  <c r="B2" i="398"/>
  <c r="B2" i="400"/>
  <c r="B2" i="395"/>
  <c r="B2" i="397"/>
  <c r="B2" i="396"/>
  <c r="B2" i="394"/>
  <c r="B2" i="392"/>
  <c r="B2" i="391"/>
  <c r="B2" i="393"/>
  <c r="B2" i="388"/>
  <c r="B2" i="390"/>
  <c r="B2" i="389"/>
  <c r="B2" i="381"/>
  <c r="B2" i="383"/>
  <c r="B2" i="385"/>
  <c r="B2" i="387"/>
  <c r="B2" i="386"/>
  <c r="B2" i="382"/>
  <c r="B2" i="384"/>
  <c r="B2" i="380"/>
  <c r="B2" i="375"/>
  <c r="B2" i="377"/>
  <c r="B2" i="379"/>
  <c r="B2" i="376"/>
  <c r="B2" i="378"/>
  <c r="B2" i="373"/>
  <c r="B2" i="370"/>
  <c r="B2" i="372"/>
  <c r="B2" i="374"/>
  <c r="B2" i="371"/>
  <c r="B2" i="365"/>
  <c r="B2" i="367"/>
  <c r="B2" i="369"/>
  <c r="B2" i="362"/>
  <c r="B2" i="368"/>
  <c r="B2" i="364"/>
  <c r="B2" i="366"/>
  <c r="B2" i="363"/>
  <c r="B2" i="359"/>
  <c r="B2" i="361"/>
  <c r="B2" i="358"/>
  <c r="B2" i="360"/>
  <c r="B2" i="357"/>
  <c r="B2" i="356"/>
  <c r="B2" i="354"/>
  <c r="B2" i="353"/>
  <c r="B2" i="355"/>
  <c r="B2" i="352"/>
  <c r="B2" i="351"/>
  <c r="B2" i="347"/>
  <c r="B2" i="349"/>
  <c r="B2" i="344"/>
  <c r="B2" i="346"/>
  <c r="B2" i="348"/>
  <c r="B2" i="350"/>
  <c r="B2" i="343"/>
  <c r="B2" i="345"/>
  <c r="B2" i="342"/>
  <c r="B2" i="341"/>
  <c r="B2" i="340"/>
  <c r="B2" i="339"/>
  <c r="B2" i="338"/>
  <c r="B2" i="335"/>
  <c r="B2" i="337"/>
  <c r="B2" i="336"/>
  <c r="B2" i="331"/>
  <c r="B2" i="334"/>
  <c r="B2" i="333"/>
  <c r="B2" i="332"/>
  <c r="B2" i="326"/>
  <c r="B2" i="328"/>
  <c r="B2" i="330"/>
  <c r="B2" i="327"/>
  <c r="B2" i="329"/>
  <c r="B2" i="324"/>
  <c r="B2" i="325"/>
  <c r="B2" i="318"/>
  <c r="B2" i="320"/>
  <c r="B2" i="322"/>
  <c r="B2" i="323"/>
  <c r="B2" i="319"/>
  <c r="B2" i="321"/>
  <c r="B2" i="316"/>
  <c r="B2" i="315"/>
  <c r="B2" i="317"/>
  <c r="B2" i="314"/>
  <c r="B2" i="307"/>
  <c r="B2" i="309"/>
  <c r="B2" i="311"/>
  <c r="B2" i="312"/>
  <c r="B2" i="313"/>
  <c r="B2" i="308"/>
  <c r="B2" i="310"/>
  <c r="B2" i="306"/>
  <c r="B2" i="305"/>
  <c r="B2" i="302"/>
  <c r="B2" i="304"/>
  <c r="B2" i="299"/>
  <c r="B2" i="301"/>
  <c r="B2" i="303"/>
  <c r="B2" i="294"/>
  <c r="B2" i="296"/>
  <c r="B2" i="298"/>
  <c r="B2" i="300"/>
  <c r="B2" i="297"/>
  <c r="B2" i="291"/>
  <c r="B2" i="293"/>
  <c r="B2" i="295"/>
  <c r="B2" i="292"/>
  <c r="B2" i="290"/>
  <c r="B2" i="285"/>
  <c r="B2" i="287"/>
  <c r="B2" i="289"/>
  <c r="B2" i="286"/>
  <c r="B2" i="288"/>
  <c r="B2" i="284"/>
  <c r="B2" i="283"/>
  <c r="B2" i="279"/>
  <c r="B2" i="281"/>
  <c r="B2" i="280"/>
  <c r="B2" i="282"/>
  <c r="B2" i="278"/>
  <c r="B2" i="277"/>
  <c r="B2" i="276"/>
  <c r="B2" i="249"/>
  <c r="B2" i="251"/>
  <c r="B2" i="253"/>
  <c r="B2" i="257"/>
  <c r="B2" i="259"/>
  <c r="B2" i="261"/>
  <c r="B2" i="267"/>
  <c r="B2" i="273"/>
  <c r="B2" i="275"/>
  <c r="B2" i="264"/>
  <c r="B2" i="266"/>
  <c r="B2" i="268"/>
  <c r="B2" i="270"/>
  <c r="B2" i="272"/>
  <c r="B2" i="274"/>
  <c r="B2" i="271"/>
  <c r="B2" i="269"/>
  <c r="B2" i="265"/>
  <c r="B2" i="263"/>
  <c r="B2" i="254"/>
  <c r="B2" i="258"/>
  <c r="B2" i="260"/>
  <c r="B2" i="262"/>
  <c r="B2" i="256"/>
  <c r="B2" i="255"/>
  <c r="B2" i="250"/>
  <c r="B2" i="252"/>
  <c r="B2" i="247"/>
  <c r="B2" i="246"/>
  <c r="B2" i="248"/>
  <c r="B2" i="245"/>
  <c r="B2" i="242"/>
  <c r="B2" i="244"/>
  <c r="B2" i="241"/>
  <c r="B2" i="243"/>
  <c r="B2" i="240"/>
  <c r="B2" i="239"/>
  <c r="B2" i="238"/>
  <c r="B2" i="237"/>
  <c r="B2" i="235"/>
  <c r="B2" i="230"/>
  <c r="B2" i="234"/>
  <c r="B2" i="236"/>
  <c r="B2" i="232"/>
  <c r="B2" i="233"/>
  <c r="B2" i="231"/>
  <c r="B2" i="229"/>
  <c r="B2" i="227"/>
  <c r="B2" i="224"/>
  <c r="B2" i="226"/>
  <c r="B2" i="228"/>
  <c r="B2" i="225"/>
  <c r="B2" i="223"/>
  <c r="B2" i="217"/>
  <c r="B2" i="222"/>
  <c r="B2" i="215"/>
  <c r="B2" i="219"/>
  <c r="B2" i="221"/>
  <c r="B2" i="220"/>
  <c r="B2" i="212"/>
  <c r="B2" i="216"/>
  <c r="B2" i="218"/>
  <c r="B2" i="214"/>
  <c r="B2" i="213"/>
  <c r="B2" i="211"/>
  <c r="B2" i="208"/>
  <c r="B2" i="210"/>
  <c r="B2" i="207"/>
  <c r="B2" i="209"/>
  <c r="B2" i="51"/>
  <c r="B2" i="143"/>
  <c r="B2" i="145"/>
  <c r="B2" i="200"/>
  <c r="B2" i="3"/>
  <c r="B2" i="5"/>
  <c r="B2" i="7"/>
  <c r="B2" i="13"/>
  <c r="B2" i="15"/>
  <c r="B2" i="17"/>
  <c r="B2" i="21"/>
  <c r="B2" i="27"/>
  <c r="B2" i="35"/>
  <c r="B2" i="8"/>
  <c r="B2" i="10"/>
  <c r="B2" i="48"/>
  <c r="B2" i="50"/>
  <c r="B2" i="52"/>
  <c r="B2" i="56"/>
  <c r="B2" i="62"/>
  <c r="B2" i="64"/>
  <c r="B2" i="66"/>
  <c r="B2" i="68"/>
  <c r="B2" i="74"/>
  <c r="B2" i="76"/>
  <c r="B2" i="78"/>
  <c r="B2" i="80"/>
  <c r="B2" i="82"/>
  <c r="B2" i="84"/>
  <c r="B2" i="86"/>
  <c r="B2" i="88"/>
  <c r="B2" i="90"/>
  <c r="B2" i="156"/>
  <c r="B2" i="158"/>
  <c r="B2" i="160"/>
  <c r="B2" i="162"/>
  <c r="B2" i="164"/>
  <c r="B2" i="166"/>
  <c r="B2" i="168"/>
  <c r="B2" i="206"/>
  <c r="B2" i="134"/>
  <c r="B2" i="205"/>
  <c r="B2" i="23"/>
  <c r="B2" i="25"/>
  <c r="B2" i="92"/>
  <c r="B2" i="94"/>
  <c r="B2" i="96"/>
  <c r="B2" i="124"/>
  <c r="B2" i="29"/>
  <c r="B2" i="12"/>
  <c r="B2" i="16"/>
  <c r="B2" i="18"/>
  <c r="B2" i="20"/>
  <c r="B2" i="22"/>
  <c r="B2" i="24"/>
  <c r="B2" i="26"/>
  <c r="B2" i="37"/>
  <c r="B2" i="39"/>
  <c r="B2" i="41"/>
  <c r="B2" i="43"/>
  <c r="B2" i="45"/>
  <c r="B2" i="47"/>
  <c r="B2" i="49"/>
  <c r="B2" i="73"/>
  <c r="B2" i="79"/>
  <c r="B2" i="91"/>
  <c r="B2" i="93"/>
  <c r="B2" i="95"/>
  <c r="B2" i="97"/>
  <c r="B2" i="99"/>
  <c r="B2" i="103"/>
  <c r="B2" i="119"/>
  <c r="B2" i="141"/>
  <c r="B2" i="155"/>
  <c r="B2" i="180"/>
  <c r="B2" i="182"/>
  <c r="B2" i="184"/>
  <c r="B2" i="186"/>
  <c r="B2" i="194"/>
  <c r="B2" i="204"/>
  <c r="B2" i="36"/>
  <c r="B2" i="102"/>
  <c r="B2" i="106"/>
  <c r="B2" i="118"/>
  <c r="B2" i="120"/>
  <c r="B2" i="147"/>
  <c r="B2" i="153"/>
  <c r="B2" i="28"/>
  <c r="B2" i="30"/>
  <c r="B2" i="32"/>
  <c r="B2" i="34"/>
  <c r="B2" i="53"/>
  <c r="B2" i="55"/>
  <c r="B2" i="57"/>
  <c r="B2" i="61"/>
  <c r="B2" i="63"/>
  <c r="B2" i="67"/>
  <c r="B2" i="69"/>
  <c r="B2" i="71"/>
  <c r="B2" i="126"/>
  <c r="B2" i="128"/>
  <c r="B2" i="130"/>
  <c r="B2" i="132"/>
  <c r="B2" i="136"/>
  <c r="B2" i="140"/>
  <c r="B2" i="142"/>
  <c r="B2" i="157"/>
  <c r="B2" i="159"/>
  <c r="B2" i="161"/>
  <c r="B2" i="163"/>
  <c r="B2" i="169"/>
  <c r="B2" i="171"/>
  <c r="B2" i="173"/>
  <c r="B2" i="175"/>
  <c r="B2" i="177"/>
  <c r="B2" i="179"/>
  <c r="B2" i="195"/>
  <c r="B2" i="199"/>
  <c r="B2" i="203"/>
  <c r="B2" i="11"/>
  <c r="B2" i="54"/>
  <c r="B2" i="101"/>
  <c r="B2" i="138"/>
  <c r="B2" i="6"/>
  <c r="B2" i="19"/>
  <c r="B2" i="77"/>
  <c r="B2" i="104"/>
  <c r="B2" i="121"/>
  <c r="B2" i="123"/>
  <c r="B2" i="59"/>
  <c r="B2" i="81"/>
  <c r="B2" i="83"/>
  <c r="B2" i="85"/>
  <c r="B2" i="108"/>
  <c r="B2" i="110"/>
  <c r="B2" i="112"/>
  <c r="B2" i="114"/>
  <c r="B2" i="116"/>
  <c r="B2" i="127"/>
  <c r="B2" i="129"/>
  <c r="B2" i="131"/>
  <c r="B2" i="133"/>
  <c r="B2" i="137"/>
  <c r="B2" i="139"/>
  <c r="B2" i="144"/>
  <c r="B2" i="146"/>
  <c r="B2" i="148"/>
  <c r="B2" i="150"/>
  <c r="B2" i="152"/>
  <c r="B2" i="154"/>
  <c r="B2" i="185"/>
  <c r="B2" i="187"/>
  <c r="B2" i="189"/>
  <c r="B2" i="191"/>
  <c r="B2" i="193"/>
  <c r="B2" i="202"/>
  <c r="B2" i="192"/>
  <c r="B2" i="197"/>
  <c r="B2" i="105"/>
  <c r="B2" i="135"/>
  <c r="B2" i="170"/>
  <c r="B2" i="172"/>
  <c r="B2" i="174"/>
  <c r="B2" i="176"/>
  <c r="B2" i="178"/>
  <c r="B2" i="2"/>
  <c r="B2" i="4"/>
  <c r="B2" i="9"/>
  <c r="B2" i="14"/>
  <c r="B2" i="31"/>
  <c r="B2" i="33"/>
  <c r="B2" i="38"/>
  <c r="B2" i="40"/>
  <c r="B2" i="42"/>
  <c r="B2" i="44"/>
  <c r="B2" i="46"/>
  <c r="B2" i="58"/>
  <c r="B2" i="60"/>
  <c r="B2" i="65"/>
  <c r="B2" i="70"/>
  <c r="B2" i="72"/>
  <c r="B2" i="75"/>
  <c r="B2" i="87"/>
  <c r="B2" i="89"/>
  <c r="B2" i="98"/>
  <c r="B2" i="100"/>
  <c r="B2" i="107"/>
  <c r="B2" i="109"/>
  <c r="B2" i="111"/>
  <c r="B2" i="113"/>
  <c r="B2" i="115"/>
  <c r="B2" i="117"/>
  <c r="B2" i="122"/>
  <c r="B2" i="125"/>
  <c r="B2" i="149"/>
  <c r="B2" i="151"/>
  <c r="B2" i="165"/>
  <c r="B2" i="167"/>
  <c r="B2" i="181"/>
  <c r="B2" i="183"/>
  <c r="B2" i="188"/>
  <c r="B2" i="190"/>
  <c r="B2" i="196"/>
  <c r="B2" i="198"/>
  <c r="B2" i="201"/>
</calcChain>
</file>

<file path=xl/sharedStrings.xml><?xml version="1.0" encoding="utf-8"?>
<sst xmlns="http://schemas.openxmlformats.org/spreadsheetml/2006/main" count="19890" uniqueCount="919">
  <si>
    <t>住所</t>
  </si>
  <si>
    <t>高田地区（高田旧市・甲）</t>
  </si>
  <si>
    <t>コード</t>
  </si>
  <si>
    <t>-0201高田地区（高田旧市・甲）</t>
  </si>
  <si>
    <t>人口</t>
  </si>
  <si>
    <t>**  年齢別男女人口集計表／外国人  **</t>
  </si>
  <si>
    <t>世帯数</t>
  </si>
  <si>
    <t>令和7年3月31日現在</t>
  </si>
  <si>
    <t>令和7年4月1日 作成</t>
  </si>
  <si>
    <t>年齢</t>
  </si>
  <si>
    <t>合計</t>
  </si>
  <si>
    <t>男</t>
  </si>
  <si>
    <t>女</t>
  </si>
  <si>
    <t>0～4</t>
  </si>
  <si>
    <t>35～39</t>
  </si>
  <si>
    <t>70～74</t>
  </si>
  <si>
    <t>0</t>
  </si>
  <si>
    <t>5～9</t>
  </si>
  <si>
    <t>40～44</t>
  </si>
  <si>
    <t>75～79</t>
  </si>
  <si>
    <t>10～14</t>
  </si>
  <si>
    <t>45～49</t>
  </si>
  <si>
    <t>80～84</t>
  </si>
  <si>
    <t>15～19</t>
  </si>
  <si>
    <t>50～54</t>
  </si>
  <si>
    <t>85～89</t>
  </si>
  <si>
    <t>20～24</t>
  </si>
  <si>
    <t>55～59</t>
  </si>
  <si>
    <t>90～94</t>
  </si>
  <si>
    <t>25～29</t>
  </si>
  <si>
    <t>60～64</t>
  </si>
  <si>
    <t>95～99</t>
  </si>
  <si>
    <t>30～34</t>
  </si>
  <si>
    <t>65～69</t>
  </si>
  <si>
    <t>100～104</t>
  </si>
  <si>
    <t>105～</t>
  </si>
  <si>
    <t>不明</t>
  </si>
  <si>
    <t>南本町１丁目</t>
  </si>
  <si>
    <t>コード  00011</t>
  </si>
  <si>
    <t>南本町２丁目</t>
  </si>
  <si>
    <t>コード  00012</t>
  </si>
  <si>
    <t>南本町３丁目</t>
  </si>
  <si>
    <t>コード  00013</t>
  </si>
  <si>
    <t>東城町１丁目</t>
  </si>
  <si>
    <t>コード  00021</t>
  </si>
  <si>
    <t>東城町２丁目</t>
  </si>
  <si>
    <t>コード  00022</t>
  </si>
  <si>
    <t>東城町３丁目</t>
  </si>
  <si>
    <t>コード  00023</t>
  </si>
  <si>
    <t>南城町１丁目</t>
  </si>
  <si>
    <t>コード  00031</t>
  </si>
  <si>
    <t>南城町２丁目</t>
  </si>
  <si>
    <t>コード  00032</t>
  </si>
  <si>
    <t>南城町３丁目</t>
  </si>
  <si>
    <t>コード  00033</t>
  </si>
  <si>
    <t>南城町４丁目</t>
  </si>
  <si>
    <t>コード  00034</t>
  </si>
  <si>
    <t>大手町</t>
  </si>
  <si>
    <t>コード  00040</t>
  </si>
  <si>
    <t>本城町</t>
  </si>
  <si>
    <t>コード  00050</t>
  </si>
  <si>
    <t>南新町</t>
  </si>
  <si>
    <t>コード  00060</t>
  </si>
  <si>
    <t>南高田町</t>
  </si>
  <si>
    <t>コード  00070</t>
  </si>
  <si>
    <t>高田地区（高田旧市・乙）</t>
  </si>
  <si>
    <t>-0202高田地区（高田旧市・乙）</t>
  </si>
  <si>
    <t>本町１丁目</t>
  </si>
  <si>
    <t>コード  00111</t>
  </si>
  <si>
    <t>本町２丁目</t>
  </si>
  <si>
    <t>コード  00112</t>
  </si>
  <si>
    <t>本町３丁目</t>
  </si>
  <si>
    <t>コード  00113</t>
  </si>
  <si>
    <t>本町４丁目</t>
  </si>
  <si>
    <t>コード  00114</t>
  </si>
  <si>
    <t>本町５丁目</t>
  </si>
  <si>
    <t>コード  00115</t>
  </si>
  <si>
    <t>本町６丁目</t>
  </si>
  <si>
    <t>コード  00116</t>
  </si>
  <si>
    <t>本町７丁目</t>
  </si>
  <si>
    <t>コード  00117</t>
  </si>
  <si>
    <t>北本町１丁目</t>
  </si>
  <si>
    <t>コード  00121</t>
  </si>
  <si>
    <t>北本町２丁目</t>
  </si>
  <si>
    <t>コード  00122</t>
  </si>
  <si>
    <t>北本町３丁目</t>
  </si>
  <si>
    <t>コード  00123</t>
  </si>
  <si>
    <t>北本町４丁目</t>
  </si>
  <si>
    <t>コード  00124</t>
  </si>
  <si>
    <t>高田地区（高田旧市・丙）</t>
  </si>
  <si>
    <t>-0203高田地区（高田旧市・丙）</t>
  </si>
  <si>
    <t>仲町１丁目</t>
  </si>
  <si>
    <t>コード  00211</t>
  </si>
  <si>
    <t>仲町２丁目</t>
  </si>
  <si>
    <t>コード  00212</t>
  </si>
  <si>
    <t>仲町３丁目</t>
  </si>
  <si>
    <t>コード  00213</t>
  </si>
  <si>
    <t>仲町４丁目</t>
  </si>
  <si>
    <t>コード  00214</t>
  </si>
  <si>
    <t>仲町５丁目</t>
  </si>
  <si>
    <t>コード  00215</t>
  </si>
  <si>
    <t>仲町６丁目</t>
  </si>
  <si>
    <t>コード  00216</t>
  </si>
  <si>
    <t>寺町１丁目</t>
  </si>
  <si>
    <t>コード  00221</t>
  </si>
  <si>
    <t>寺町２丁目</t>
  </si>
  <si>
    <t>コード  00222</t>
  </si>
  <si>
    <t>寺町３丁目</t>
  </si>
  <si>
    <t>コード  00223</t>
  </si>
  <si>
    <t>高田地区（高田旧市・丁）</t>
  </si>
  <si>
    <t>-0204高田地区（高田旧市・丁）</t>
  </si>
  <si>
    <t>大町１丁目</t>
  </si>
  <si>
    <t>コード  00311</t>
  </si>
  <si>
    <t>大町２丁目</t>
  </si>
  <si>
    <t>コード  00312</t>
  </si>
  <si>
    <t>大町３丁目</t>
  </si>
  <si>
    <t>コード  00313</t>
  </si>
  <si>
    <t>大町４丁目</t>
  </si>
  <si>
    <t>コード  00314</t>
  </si>
  <si>
    <t>大町５丁目</t>
  </si>
  <si>
    <t>コード  00315</t>
  </si>
  <si>
    <t>西城町１丁目</t>
  </si>
  <si>
    <t>コード  00321</t>
  </si>
  <si>
    <t>西城町２丁目</t>
  </si>
  <si>
    <t>コード  00322</t>
  </si>
  <si>
    <t>西城町３丁目</t>
  </si>
  <si>
    <t>コード  00323</t>
  </si>
  <si>
    <t>西城町４丁目</t>
  </si>
  <si>
    <t>コード  00324</t>
  </si>
  <si>
    <t>北城町１丁目</t>
  </si>
  <si>
    <t>コード  00331</t>
  </si>
  <si>
    <t>北城町２丁目</t>
  </si>
  <si>
    <t>コード  00332</t>
  </si>
  <si>
    <t>北城町３丁目</t>
  </si>
  <si>
    <t>コード  00333</t>
  </si>
  <si>
    <t>北城町４丁目</t>
  </si>
  <si>
    <t>コード  00334</t>
  </si>
  <si>
    <t>高田地区（高田旧市・戊）</t>
  </si>
  <si>
    <t>-0205高田地区（高田旧市・戊）</t>
  </si>
  <si>
    <t>東本町１丁目</t>
  </si>
  <si>
    <t>コード  00411</t>
  </si>
  <si>
    <t>東本町２丁目</t>
  </si>
  <si>
    <t>コード  00412</t>
  </si>
  <si>
    <t>東本町３丁目</t>
  </si>
  <si>
    <t>コード  00413</t>
  </si>
  <si>
    <t>東本町４丁目</t>
  </si>
  <si>
    <t>コード  00414</t>
  </si>
  <si>
    <t>東本町５丁目</t>
  </si>
  <si>
    <t>コード  00415</t>
  </si>
  <si>
    <t>幸町</t>
  </si>
  <si>
    <t>コード  00420</t>
  </si>
  <si>
    <t>栄町</t>
  </si>
  <si>
    <t>コード  00430</t>
  </si>
  <si>
    <t>新町</t>
  </si>
  <si>
    <t>コード  00440</t>
  </si>
  <si>
    <t>高土町受地</t>
  </si>
  <si>
    <t>コード  00450</t>
  </si>
  <si>
    <t>高土町１丁目</t>
  </si>
  <si>
    <t>コード  00461</t>
  </si>
  <si>
    <t>高土町２丁目</t>
  </si>
  <si>
    <t>コード  00462</t>
  </si>
  <si>
    <t>高土町３丁目</t>
  </si>
  <si>
    <t>コード  00463</t>
  </si>
  <si>
    <t>高田地区（新道）</t>
  </si>
  <si>
    <t>-0206高田地区（新道）</t>
  </si>
  <si>
    <t>大字場</t>
  </si>
  <si>
    <t>コード  00610</t>
  </si>
  <si>
    <t>とよば</t>
  </si>
  <si>
    <t>コード  00611</t>
  </si>
  <si>
    <t>大字子安</t>
  </si>
  <si>
    <t>コード  00620</t>
  </si>
  <si>
    <t>子安</t>
  </si>
  <si>
    <t>コード  00629</t>
  </si>
  <si>
    <t>大字子安新田</t>
  </si>
  <si>
    <t>コード  00630</t>
  </si>
  <si>
    <t>子安新田</t>
  </si>
  <si>
    <t>コード  00639</t>
  </si>
  <si>
    <t>大字鴨島</t>
  </si>
  <si>
    <t>コード  00640</t>
  </si>
  <si>
    <t>鴨島１丁目</t>
  </si>
  <si>
    <t>コード  00641</t>
  </si>
  <si>
    <t>鴨島２丁目</t>
  </si>
  <si>
    <t>コード  00642</t>
  </si>
  <si>
    <t>鴨島３丁目</t>
  </si>
  <si>
    <t>コード  00643</t>
  </si>
  <si>
    <t>鴨島</t>
  </si>
  <si>
    <t>コード  00649</t>
  </si>
  <si>
    <t>稲田１丁目</t>
  </si>
  <si>
    <t>コード  00651</t>
  </si>
  <si>
    <t>稲田２丁目</t>
  </si>
  <si>
    <t>コード  00652</t>
  </si>
  <si>
    <t>稲田３丁目</t>
  </si>
  <si>
    <t>コード  00653</t>
  </si>
  <si>
    <t>稲田４丁目</t>
  </si>
  <si>
    <t>コード  00654</t>
  </si>
  <si>
    <t>大字上稲田</t>
  </si>
  <si>
    <t>コード  00660</t>
  </si>
  <si>
    <t>大字下稲田</t>
  </si>
  <si>
    <t>コード  00670</t>
  </si>
  <si>
    <t>大字寺</t>
  </si>
  <si>
    <t>コード  00680</t>
  </si>
  <si>
    <t>大字大日</t>
  </si>
  <si>
    <t>コード  00690</t>
  </si>
  <si>
    <t>大字中田新田</t>
  </si>
  <si>
    <t>コード  00700</t>
  </si>
  <si>
    <t>大字上島</t>
  </si>
  <si>
    <t>コード  00710</t>
  </si>
  <si>
    <t>大字中々村新田</t>
  </si>
  <si>
    <t>コード  00720</t>
  </si>
  <si>
    <t>大字平岡</t>
  </si>
  <si>
    <t>コード  00730</t>
  </si>
  <si>
    <t>大字南田屋新田</t>
  </si>
  <si>
    <t>コード  00740</t>
  </si>
  <si>
    <t>大字北田屋新田</t>
  </si>
  <si>
    <t>コード  00750</t>
  </si>
  <si>
    <t>大字大道福田</t>
  </si>
  <si>
    <t>コード  00760</t>
  </si>
  <si>
    <t>大道福田</t>
  </si>
  <si>
    <t>コード  00761</t>
  </si>
  <si>
    <t>大字富岡</t>
  </si>
  <si>
    <t>コード  00770</t>
  </si>
  <si>
    <t>富岡</t>
  </si>
  <si>
    <t>コード  00779</t>
  </si>
  <si>
    <t>大字藤野新田</t>
  </si>
  <si>
    <t>コード  00780</t>
  </si>
  <si>
    <t>藤野新田</t>
  </si>
  <si>
    <t>コード  00789</t>
  </si>
  <si>
    <t>大字上島（旧大日古川新田）</t>
  </si>
  <si>
    <t>コード  00790</t>
  </si>
  <si>
    <t>大字大日（旧大日新田）</t>
  </si>
  <si>
    <t>コード  00800</t>
  </si>
  <si>
    <t>大字大道新田</t>
  </si>
  <si>
    <t>コード  00810</t>
  </si>
  <si>
    <t>大字赤塚新田</t>
  </si>
  <si>
    <t>コード  00820</t>
  </si>
  <si>
    <t>新南町</t>
  </si>
  <si>
    <t>コード  00830</t>
  </si>
  <si>
    <t>高田地区（金谷）</t>
  </si>
  <si>
    <t>-0207高田地区（金谷）</t>
  </si>
  <si>
    <t>大字上門前</t>
  </si>
  <si>
    <t>コード  01010</t>
  </si>
  <si>
    <t>大字小滝</t>
  </si>
  <si>
    <t>コード  01020</t>
  </si>
  <si>
    <t>大字下馬場</t>
  </si>
  <si>
    <t>コード  01030</t>
  </si>
  <si>
    <t>大字朝日</t>
  </si>
  <si>
    <t>コード  01040</t>
  </si>
  <si>
    <t>大字黒田</t>
  </si>
  <si>
    <t>コード  01050</t>
  </si>
  <si>
    <t>大字灰塚</t>
  </si>
  <si>
    <t>コード  01060</t>
  </si>
  <si>
    <t>大字地頭方</t>
  </si>
  <si>
    <t>コード  01070</t>
  </si>
  <si>
    <t>大字青木</t>
  </si>
  <si>
    <t>コード  01080</t>
  </si>
  <si>
    <t>大字上中田</t>
  </si>
  <si>
    <t>コード  01090</t>
  </si>
  <si>
    <t>上中田</t>
  </si>
  <si>
    <t>コード  01099</t>
  </si>
  <si>
    <t>中通町</t>
  </si>
  <si>
    <t>コード  01100</t>
  </si>
  <si>
    <t>大字向橋</t>
  </si>
  <si>
    <t>コード  01110</t>
  </si>
  <si>
    <t>大字中田原</t>
  </si>
  <si>
    <t>コード  01120</t>
  </si>
  <si>
    <t>大字塩荷谷</t>
  </si>
  <si>
    <t>コード  01130</t>
  </si>
  <si>
    <t>大字儀明</t>
  </si>
  <si>
    <t>コード  01140</t>
  </si>
  <si>
    <t>大字上湯谷</t>
  </si>
  <si>
    <t>コード  01150</t>
  </si>
  <si>
    <t>大字後谷</t>
  </si>
  <si>
    <t>コード  01160</t>
  </si>
  <si>
    <t>大字大貫</t>
  </si>
  <si>
    <t>コード  01170</t>
  </si>
  <si>
    <t>大貫１丁目</t>
  </si>
  <si>
    <t>コード  01171</t>
  </si>
  <si>
    <t>大貫２丁目</t>
  </si>
  <si>
    <t>コード  01172</t>
  </si>
  <si>
    <t>大貫３丁目</t>
  </si>
  <si>
    <t>コード  01173</t>
  </si>
  <si>
    <t>大貫４丁目</t>
  </si>
  <si>
    <t>コード  01174</t>
  </si>
  <si>
    <t>大字飯</t>
  </si>
  <si>
    <t>コード  01210</t>
  </si>
  <si>
    <t>御殿山町</t>
  </si>
  <si>
    <t>コード  01220</t>
  </si>
  <si>
    <t>上昭和町</t>
  </si>
  <si>
    <t>コード  01230</t>
  </si>
  <si>
    <t>昭和町１丁目</t>
  </si>
  <si>
    <t>コード  01241</t>
  </si>
  <si>
    <t>昭和町２丁目</t>
  </si>
  <si>
    <t>コード  01242</t>
  </si>
  <si>
    <t>大字滝寺</t>
  </si>
  <si>
    <t>コード  01250</t>
  </si>
  <si>
    <t>大字下正善寺</t>
  </si>
  <si>
    <t>コード  01260</t>
  </si>
  <si>
    <t>大字中正善寺</t>
  </si>
  <si>
    <t>コード  01270</t>
  </si>
  <si>
    <t>大字宇津尾</t>
  </si>
  <si>
    <t>コード  01280</t>
  </si>
  <si>
    <t>大字上綱子</t>
  </si>
  <si>
    <t>コード  01290</t>
  </si>
  <si>
    <t>大字中ノ俣</t>
  </si>
  <si>
    <t>コード  01300</t>
  </si>
  <si>
    <t>大字京田</t>
  </si>
  <si>
    <t>コード  01310</t>
  </si>
  <si>
    <t>大字下中田</t>
  </si>
  <si>
    <t>コード  01320</t>
  </si>
  <si>
    <t>大字上正善寺</t>
  </si>
  <si>
    <t>コード  02900</t>
  </si>
  <si>
    <t>高田地区（諏訪）</t>
  </si>
  <si>
    <t>-0208高田地区（諏訪）</t>
  </si>
  <si>
    <t>大字上真砂</t>
  </si>
  <si>
    <t>コード  01510</t>
  </si>
  <si>
    <t>大字杉野袋</t>
  </si>
  <si>
    <t>コード  01520</t>
  </si>
  <si>
    <t>大字北新保</t>
  </si>
  <si>
    <t>コード  01530</t>
  </si>
  <si>
    <t>大字南新保</t>
  </si>
  <si>
    <t>コード  01540</t>
  </si>
  <si>
    <t>大字高森</t>
  </si>
  <si>
    <t>コード  01550</t>
  </si>
  <si>
    <t>大字諏訪</t>
  </si>
  <si>
    <t>コード  01560</t>
  </si>
  <si>
    <t>大字東原</t>
  </si>
  <si>
    <t>コード  01570</t>
  </si>
  <si>
    <t>大字鶴町</t>
  </si>
  <si>
    <t>コード  01580</t>
  </si>
  <si>
    <t>大字北田中</t>
  </si>
  <si>
    <t>コード  01590</t>
  </si>
  <si>
    <t>大字米岡</t>
  </si>
  <si>
    <t>コード  01600</t>
  </si>
  <si>
    <t>米町</t>
  </si>
  <si>
    <t>コード  01610</t>
  </si>
  <si>
    <t>高田地区（和田）</t>
  </si>
  <si>
    <t>-0209高田地区（和田）</t>
  </si>
  <si>
    <t>大字木島</t>
  </si>
  <si>
    <t>コード  01810</t>
  </si>
  <si>
    <t>大字島田上新田</t>
  </si>
  <si>
    <t>コード  01840</t>
  </si>
  <si>
    <t>大字島田</t>
  </si>
  <si>
    <t>コード  01850</t>
  </si>
  <si>
    <t>大字島田下新田</t>
  </si>
  <si>
    <t>コード  01860</t>
  </si>
  <si>
    <t>大字上箱井</t>
  </si>
  <si>
    <t>コード  01870</t>
  </si>
  <si>
    <t>大字中箱井</t>
  </si>
  <si>
    <t>コード  01880</t>
  </si>
  <si>
    <t>大字岡原</t>
  </si>
  <si>
    <t>コード  01890</t>
  </si>
  <si>
    <t>大字下箱井</t>
  </si>
  <si>
    <t>コード  01900</t>
  </si>
  <si>
    <t>大字五ケ所新田</t>
  </si>
  <si>
    <t>コード  01910</t>
  </si>
  <si>
    <t>大字丸山新田</t>
  </si>
  <si>
    <t>コード  01920</t>
  </si>
  <si>
    <t>大字下新田</t>
  </si>
  <si>
    <t>コード  01930</t>
  </si>
  <si>
    <t>大字西田中</t>
  </si>
  <si>
    <t>コード  01940</t>
  </si>
  <si>
    <t>大字寺町</t>
  </si>
  <si>
    <t>コード  01950</t>
  </si>
  <si>
    <t>大字石沢</t>
  </si>
  <si>
    <t>コード  01960</t>
  </si>
  <si>
    <t>大字七ケ所新田</t>
  </si>
  <si>
    <t>コード  01970</t>
  </si>
  <si>
    <t>大字土合</t>
  </si>
  <si>
    <t>コード  01990</t>
  </si>
  <si>
    <t>大字今泉</t>
  </si>
  <si>
    <t>コード  02000</t>
  </si>
  <si>
    <t>大字脇野田</t>
  </si>
  <si>
    <t>コード  02010</t>
  </si>
  <si>
    <t>大字荒町</t>
  </si>
  <si>
    <t>コード  02020</t>
  </si>
  <si>
    <t>大字高田新田</t>
  </si>
  <si>
    <t>コード  02030</t>
  </si>
  <si>
    <t>大字稲荷</t>
  </si>
  <si>
    <t>コード  02040</t>
  </si>
  <si>
    <t>大和１丁目</t>
  </si>
  <si>
    <t>コード  02051</t>
  </si>
  <si>
    <t>大和２丁目</t>
  </si>
  <si>
    <t>コード  02052</t>
  </si>
  <si>
    <t>大和３丁目</t>
  </si>
  <si>
    <t>コード  02053</t>
  </si>
  <si>
    <t>大和４丁目</t>
  </si>
  <si>
    <t>コード  02054</t>
  </si>
  <si>
    <t>大和５丁目</t>
  </si>
  <si>
    <t>コード  02055</t>
  </si>
  <si>
    <t>大和６丁目</t>
  </si>
  <si>
    <t>コード  02056</t>
  </si>
  <si>
    <t>高田地区（津有）</t>
  </si>
  <si>
    <t>-0210高田地区（津有）</t>
  </si>
  <si>
    <t>大字四ケ所</t>
  </si>
  <si>
    <t>コード  02210</t>
  </si>
  <si>
    <t>大字西市野口</t>
  </si>
  <si>
    <t>コード  02220</t>
  </si>
  <si>
    <t>大字戸野目古新田</t>
  </si>
  <si>
    <t>コード  02230</t>
  </si>
  <si>
    <t>大字門田新田</t>
  </si>
  <si>
    <t>コード  02240</t>
  </si>
  <si>
    <t>大字戸野目</t>
  </si>
  <si>
    <t>コード  02250</t>
  </si>
  <si>
    <t>大字市野江</t>
  </si>
  <si>
    <t>コード  02260</t>
  </si>
  <si>
    <t>大字桐原</t>
  </si>
  <si>
    <t>コード  02270</t>
  </si>
  <si>
    <t>大字本道</t>
  </si>
  <si>
    <t>コード  02280</t>
  </si>
  <si>
    <t>大字荒屋</t>
  </si>
  <si>
    <t>コード  02290</t>
  </si>
  <si>
    <t>大字虫川</t>
  </si>
  <si>
    <t>コード  02300</t>
  </si>
  <si>
    <t>大字下野田</t>
  </si>
  <si>
    <t>コード  02310</t>
  </si>
  <si>
    <t>大字長面</t>
  </si>
  <si>
    <t>コード  02320</t>
  </si>
  <si>
    <t>大字上野田</t>
  </si>
  <si>
    <t>コード  02330</t>
  </si>
  <si>
    <t>大字四辻町</t>
  </si>
  <si>
    <t>コード  02340</t>
  </si>
  <si>
    <t>大字下池部</t>
  </si>
  <si>
    <t>コード  02350</t>
  </si>
  <si>
    <t>大字上池部</t>
  </si>
  <si>
    <t>コード  02360</t>
  </si>
  <si>
    <t>大字吉岡</t>
  </si>
  <si>
    <t>コード  02370</t>
  </si>
  <si>
    <t>大字東市野口</t>
  </si>
  <si>
    <t>コード  02380</t>
  </si>
  <si>
    <t>大字劔</t>
  </si>
  <si>
    <t>コード  02400</t>
  </si>
  <si>
    <t>大字茨沢</t>
  </si>
  <si>
    <t>コード  02410</t>
  </si>
  <si>
    <t>大字藤塚</t>
  </si>
  <si>
    <t>コード  02420</t>
  </si>
  <si>
    <t>大字新保古新田</t>
  </si>
  <si>
    <t>コード  02430</t>
  </si>
  <si>
    <t>大字本新保</t>
  </si>
  <si>
    <t>コード  02440</t>
  </si>
  <si>
    <t>大字上雲寺</t>
  </si>
  <si>
    <t>コード  02450</t>
  </si>
  <si>
    <t>大字下新町</t>
  </si>
  <si>
    <t>コード  02460</t>
  </si>
  <si>
    <t>大字上新町</t>
  </si>
  <si>
    <t>コード  02470</t>
  </si>
  <si>
    <t>大字池</t>
  </si>
  <si>
    <t>コード  02480</t>
  </si>
  <si>
    <t>大字下富川</t>
  </si>
  <si>
    <t>コード  02490</t>
  </si>
  <si>
    <t>大字上富川</t>
  </si>
  <si>
    <t>コード  02500</t>
  </si>
  <si>
    <t>大字熊塚</t>
  </si>
  <si>
    <t>コード  02510</t>
  </si>
  <si>
    <t>大字野尻</t>
  </si>
  <si>
    <t>コード  02520</t>
  </si>
  <si>
    <t>大字稲</t>
  </si>
  <si>
    <t>コード  02530</t>
  </si>
  <si>
    <t>平成町</t>
  </si>
  <si>
    <t>コード  02580</t>
  </si>
  <si>
    <t>高田地区（春日）</t>
  </si>
  <si>
    <t>-0211高田地区（春日）</t>
  </si>
  <si>
    <t>大字土橋</t>
  </si>
  <si>
    <t>コード  02710</t>
  </si>
  <si>
    <t>土橋</t>
  </si>
  <si>
    <t>コード  02719</t>
  </si>
  <si>
    <t>大字藤巻</t>
  </si>
  <si>
    <t>コード  02720</t>
  </si>
  <si>
    <t>藤巻</t>
  </si>
  <si>
    <t>コード  02729</t>
  </si>
  <si>
    <t>大字木田新田</t>
  </si>
  <si>
    <t>コード  02730</t>
  </si>
  <si>
    <t>木田新田１丁目</t>
  </si>
  <si>
    <t>コード  02731</t>
  </si>
  <si>
    <t>木田新田２丁目</t>
  </si>
  <si>
    <t>コード  02732</t>
  </si>
  <si>
    <t>大字藤新田</t>
  </si>
  <si>
    <t>コード  02740</t>
  </si>
  <si>
    <t>藤新田１丁目</t>
  </si>
  <si>
    <t>コード  02741</t>
  </si>
  <si>
    <t>藤新田２丁目</t>
  </si>
  <si>
    <t>コード  02742</t>
  </si>
  <si>
    <t>大字木田</t>
  </si>
  <si>
    <t>コード  02750</t>
  </si>
  <si>
    <t>木田１丁目</t>
  </si>
  <si>
    <t>コード  02751</t>
  </si>
  <si>
    <t>木田２丁目</t>
  </si>
  <si>
    <t>コード  02752</t>
  </si>
  <si>
    <t>木田３丁目</t>
  </si>
  <si>
    <t>コード  02753</t>
  </si>
  <si>
    <t>大字薄袋</t>
  </si>
  <si>
    <t>コード  02760</t>
  </si>
  <si>
    <t>大字岩木</t>
  </si>
  <si>
    <t>コード  02770</t>
  </si>
  <si>
    <t>山屋敷町</t>
  </si>
  <si>
    <t>コード  02780</t>
  </si>
  <si>
    <t>大字中屋敷</t>
  </si>
  <si>
    <t>コード  02800</t>
  </si>
  <si>
    <t>大字寺分</t>
  </si>
  <si>
    <t>コード  02810</t>
  </si>
  <si>
    <t>大字大豆</t>
  </si>
  <si>
    <t>コード  02830</t>
  </si>
  <si>
    <t>大豆１丁目</t>
  </si>
  <si>
    <t>コード  02831</t>
  </si>
  <si>
    <t>大豆２丁目</t>
  </si>
  <si>
    <t>コード  02832</t>
  </si>
  <si>
    <t>大字春日</t>
  </si>
  <si>
    <t>コード  02850</t>
  </si>
  <si>
    <t>大字中門前</t>
  </si>
  <si>
    <t>コード  02860</t>
  </si>
  <si>
    <t>中門前１丁目</t>
  </si>
  <si>
    <t>コード  02861</t>
  </si>
  <si>
    <t>中門前２丁目</t>
  </si>
  <si>
    <t>コード  02862</t>
  </si>
  <si>
    <t>中門前３丁目</t>
  </si>
  <si>
    <t>コード  02863</t>
  </si>
  <si>
    <t>大字宮野尾</t>
  </si>
  <si>
    <t>コード  02870</t>
  </si>
  <si>
    <t>大字牛池新田</t>
  </si>
  <si>
    <t>コード  02880</t>
  </si>
  <si>
    <t>大字塚田新田</t>
  </si>
  <si>
    <t>コード  02910</t>
  </si>
  <si>
    <t>春日山町１丁目</t>
  </si>
  <si>
    <t>コード  02921</t>
  </si>
  <si>
    <t>春日山町２丁目</t>
  </si>
  <si>
    <t>コード  02922</t>
  </si>
  <si>
    <t>春日山町３丁目</t>
  </si>
  <si>
    <t>コード  02923</t>
  </si>
  <si>
    <t>春日野１丁目</t>
  </si>
  <si>
    <t>コード  02931</t>
  </si>
  <si>
    <t>春日野２丁目</t>
  </si>
  <si>
    <t>コード  02932</t>
  </si>
  <si>
    <t>新光町１丁目</t>
  </si>
  <si>
    <t>コード  02941</t>
  </si>
  <si>
    <t>新光町２丁目</t>
  </si>
  <si>
    <t>コード  02942</t>
  </si>
  <si>
    <t>新光町３丁目</t>
  </si>
  <si>
    <t>コード  02943</t>
  </si>
  <si>
    <t>大学前</t>
  </si>
  <si>
    <t>コード  02950</t>
  </si>
  <si>
    <t>高田地区（三郷）</t>
  </si>
  <si>
    <t>-0212高田地区（三郷）</t>
  </si>
  <si>
    <t>大字下四ツ屋</t>
  </si>
  <si>
    <t>コード  03110</t>
  </si>
  <si>
    <t>大字西松野木</t>
  </si>
  <si>
    <t>コード  03120</t>
  </si>
  <si>
    <t>大字長者町</t>
  </si>
  <si>
    <t>コード  03130</t>
  </si>
  <si>
    <t>大字天野原新田</t>
  </si>
  <si>
    <t>コード  03140</t>
  </si>
  <si>
    <t>大字本長者原</t>
  </si>
  <si>
    <t>コード  03150</t>
  </si>
  <si>
    <t>大字本長者原新田</t>
  </si>
  <si>
    <t>コード  03151</t>
  </si>
  <si>
    <t>大字今池</t>
  </si>
  <si>
    <t>コード  03160</t>
  </si>
  <si>
    <t>大字藪野</t>
  </si>
  <si>
    <t>コード  03170</t>
  </si>
  <si>
    <t>大字辰尾新田</t>
  </si>
  <si>
    <t>コード  03180</t>
  </si>
  <si>
    <t>大字東稲塚新田</t>
  </si>
  <si>
    <t>コード  03190</t>
  </si>
  <si>
    <t>大字下稲塚</t>
  </si>
  <si>
    <t>コード  03200</t>
  </si>
  <si>
    <t>大字新長者原</t>
  </si>
  <si>
    <t>コード  03210</t>
  </si>
  <si>
    <t>桜町</t>
  </si>
  <si>
    <t>コード  03220</t>
  </si>
  <si>
    <t>高田地区（高士）</t>
  </si>
  <si>
    <t>-0213高田地区（高士）</t>
  </si>
  <si>
    <t>大字稲谷</t>
  </si>
  <si>
    <t>コード  03410</t>
  </si>
  <si>
    <t>大字上曽根</t>
  </si>
  <si>
    <t>コード  03420</t>
  </si>
  <si>
    <t>大字下曽根</t>
  </si>
  <si>
    <t>コード  03430</t>
  </si>
  <si>
    <t>大字高和町</t>
  </si>
  <si>
    <t>コード  03440</t>
  </si>
  <si>
    <t>大字元屋敷</t>
  </si>
  <si>
    <t>コード  03450</t>
  </si>
  <si>
    <t>大字高津</t>
  </si>
  <si>
    <t>コード  03460</t>
  </si>
  <si>
    <t>大字飯田</t>
  </si>
  <si>
    <t>コード  03470</t>
  </si>
  <si>
    <t>大字妙油</t>
  </si>
  <si>
    <t>コード  03480</t>
  </si>
  <si>
    <t>大字森田</t>
  </si>
  <si>
    <t>コード  03490</t>
  </si>
  <si>
    <t>大字十二ノ木</t>
  </si>
  <si>
    <t>コード  03500</t>
  </si>
  <si>
    <t>大字北方</t>
  </si>
  <si>
    <t>コード  03510</t>
  </si>
  <si>
    <t>大字南方</t>
  </si>
  <si>
    <t>コード  03520</t>
  </si>
  <si>
    <t>大字大口</t>
  </si>
  <si>
    <t>コード  03530</t>
  </si>
  <si>
    <t>大字東京田</t>
  </si>
  <si>
    <t>コード  03540</t>
  </si>
  <si>
    <t>大字松塚</t>
  </si>
  <si>
    <t>コード  03550</t>
  </si>
  <si>
    <t>直江津地区（直江津）</t>
  </si>
  <si>
    <t>-0214直江津地区（直江津）</t>
  </si>
  <si>
    <t>西本町１丁目</t>
  </si>
  <si>
    <t>コード  04011</t>
  </si>
  <si>
    <t>西本町２丁目</t>
  </si>
  <si>
    <t>コード  04012</t>
  </si>
  <si>
    <t>西本町３丁目</t>
  </si>
  <si>
    <t>コード  04013</t>
  </si>
  <si>
    <t>西本町４丁目</t>
  </si>
  <si>
    <t>コード  04014</t>
  </si>
  <si>
    <t>中央１丁目</t>
  </si>
  <si>
    <t>コード  04041</t>
  </si>
  <si>
    <t>中央２丁目</t>
  </si>
  <si>
    <t>コード  04042</t>
  </si>
  <si>
    <t>中央３丁目</t>
  </si>
  <si>
    <t>コード  04043</t>
  </si>
  <si>
    <t>中央４丁目</t>
  </si>
  <si>
    <t>コード  04044</t>
  </si>
  <si>
    <t>中央５丁目</t>
  </si>
  <si>
    <t>コード  04045</t>
  </si>
  <si>
    <t>住吉町</t>
  </si>
  <si>
    <t>コード  04160</t>
  </si>
  <si>
    <t>港町１丁目</t>
  </si>
  <si>
    <t>コード  04171</t>
  </si>
  <si>
    <t>港町２丁目</t>
  </si>
  <si>
    <t>コード  04172</t>
  </si>
  <si>
    <t>大字高崎新田</t>
  </si>
  <si>
    <t>コード  04190</t>
  </si>
  <si>
    <t>東雲町１丁目</t>
  </si>
  <si>
    <t>コード  04211</t>
  </si>
  <si>
    <t>東雲町２丁目</t>
  </si>
  <si>
    <t>コード  04212</t>
  </si>
  <si>
    <t>栄町１丁目</t>
  </si>
  <si>
    <t>コード  04231</t>
  </si>
  <si>
    <t>栄町２丁目</t>
  </si>
  <si>
    <t>コード  04232</t>
  </si>
  <si>
    <t>東町</t>
  </si>
  <si>
    <t>コード  04250</t>
  </si>
  <si>
    <t>大字直江津</t>
  </si>
  <si>
    <t>コード  04260</t>
  </si>
  <si>
    <t>大字塩屋</t>
  </si>
  <si>
    <t>コード  04270</t>
  </si>
  <si>
    <t>大字八幡</t>
  </si>
  <si>
    <t>コード  04280</t>
  </si>
  <si>
    <t>大字至徳寺</t>
  </si>
  <si>
    <t>コード  04290</t>
  </si>
  <si>
    <t>大字轟木</t>
  </si>
  <si>
    <t>コード  04300</t>
  </si>
  <si>
    <t>大字古城</t>
  </si>
  <si>
    <t>コード  04310</t>
  </si>
  <si>
    <t>石橋</t>
  </si>
  <si>
    <t>コード  04589</t>
  </si>
  <si>
    <t>大字石橋</t>
  </si>
  <si>
    <t>コード  04590</t>
  </si>
  <si>
    <t>石橋１丁目</t>
  </si>
  <si>
    <t>コード  04591</t>
  </si>
  <si>
    <t>石橋２丁目</t>
  </si>
  <si>
    <t>コード  04592</t>
  </si>
  <si>
    <t>直江津地区（五智）</t>
  </si>
  <si>
    <t>-0215直江津地区（五智）</t>
  </si>
  <si>
    <t>五智１丁目</t>
  </si>
  <si>
    <t>コード  04511</t>
  </si>
  <si>
    <t>五智２丁目</t>
  </si>
  <si>
    <t>コード  04512</t>
  </si>
  <si>
    <t>五智３丁目</t>
  </si>
  <si>
    <t>コード  04513</t>
  </si>
  <si>
    <t>五智４丁目</t>
  </si>
  <si>
    <t>コード  04514</t>
  </si>
  <si>
    <t>五智５丁目</t>
  </si>
  <si>
    <t>コード  04515</t>
  </si>
  <si>
    <t>五智６丁目</t>
  </si>
  <si>
    <t>コード  04516</t>
  </si>
  <si>
    <t>五智新町</t>
  </si>
  <si>
    <t>コード  04530</t>
  </si>
  <si>
    <t>大字虫生岩戸</t>
  </si>
  <si>
    <t>コード  04540</t>
  </si>
  <si>
    <t>国府１丁目</t>
  </si>
  <si>
    <t>コード  04551</t>
  </si>
  <si>
    <t>国府２丁目</t>
  </si>
  <si>
    <t>コード  04552</t>
  </si>
  <si>
    <t>国府３丁目</t>
  </si>
  <si>
    <t>コード  04553</t>
  </si>
  <si>
    <t>国府４丁目</t>
  </si>
  <si>
    <t>コード  04554</t>
  </si>
  <si>
    <t>加賀町</t>
  </si>
  <si>
    <t>コード  04580</t>
  </si>
  <si>
    <t>大字三交</t>
  </si>
  <si>
    <t>コード  04610</t>
  </si>
  <si>
    <t>大字大場</t>
  </si>
  <si>
    <t>コード  04620</t>
  </si>
  <si>
    <t>大字愛宕国分</t>
  </si>
  <si>
    <t>コード  04630</t>
  </si>
  <si>
    <t>大字毘沙門国分寺</t>
  </si>
  <si>
    <t>コード  04640</t>
  </si>
  <si>
    <t>大字五智国分</t>
  </si>
  <si>
    <t>コード  04650</t>
  </si>
  <si>
    <t>大字居多</t>
  </si>
  <si>
    <t>コード  04660</t>
  </si>
  <si>
    <t>直江津地区（有田）</t>
  </si>
  <si>
    <t>-0216直江津地区（有田）</t>
  </si>
  <si>
    <t>大字小猿屋</t>
  </si>
  <si>
    <t>コード  04810</t>
  </si>
  <si>
    <t>大字小猿屋新田</t>
  </si>
  <si>
    <t>コード  04850</t>
  </si>
  <si>
    <t>大字三田</t>
  </si>
  <si>
    <t>コード  04860</t>
  </si>
  <si>
    <t>大字三田新田</t>
  </si>
  <si>
    <t>コード  04870</t>
  </si>
  <si>
    <t>三田新田</t>
  </si>
  <si>
    <t>コード  04879</t>
  </si>
  <si>
    <t>大字三ツ橋新田</t>
  </si>
  <si>
    <t>コード  04880</t>
  </si>
  <si>
    <t>大字三ツ橋</t>
  </si>
  <si>
    <t>コード  04890</t>
  </si>
  <si>
    <t>三ツ橋</t>
  </si>
  <si>
    <t>コード  04899</t>
  </si>
  <si>
    <t>大字福田</t>
  </si>
  <si>
    <t>コード  04900</t>
  </si>
  <si>
    <t>福田町</t>
  </si>
  <si>
    <t>コード  04920</t>
  </si>
  <si>
    <t>佐内町</t>
  </si>
  <si>
    <t>コード  04930</t>
  </si>
  <si>
    <t>大字佐内</t>
  </si>
  <si>
    <t>コード  04950</t>
  </si>
  <si>
    <t>三ツ屋町</t>
  </si>
  <si>
    <t>コード  04960</t>
  </si>
  <si>
    <t>大字三ツ屋</t>
  </si>
  <si>
    <t>コード  04970</t>
  </si>
  <si>
    <t>大字安江</t>
  </si>
  <si>
    <t>コード  04980</t>
  </si>
  <si>
    <t>安江１丁目</t>
  </si>
  <si>
    <t>コード  04981</t>
  </si>
  <si>
    <t>安江２丁目</t>
  </si>
  <si>
    <t>コード  04982</t>
  </si>
  <si>
    <t>安江３丁目</t>
  </si>
  <si>
    <t>コード  04983</t>
  </si>
  <si>
    <t>大字上源入</t>
  </si>
  <si>
    <t>コード  05000</t>
  </si>
  <si>
    <t>上源入</t>
  </si>
  <si>
    <t>コード  05009</t>
  </si>
  <si>
    <t>大字下源入</t>
  </si>
  <si>
    <t>コード  05010</t>
  </si>
  <si>
    <t>下源入</t>
  </si>
  <si>
    <t>コード  05019</t>
  </si>
  <si>
    <t>大字松村新田</t>
  </si>
  <si>
    <t>コード  05030</t>
  </si>
  <si>
    <t>大字下門前</t>
  </si>
  <si>
    <t>コード  05040</t>
  </si>
  <si>
    <t>下門前</t>
  </si>
  <si>
    <t>コード  05049</t>
  </si>
  <si>
    <t>大字塩屋新田</t>
  </si>
  <si>
    <t>コード  05050</t>
  </si>
  <si>
    <t>塩屋新田</t>
  </si>
  <si>
    <t>コード  05059</t>
  </si>
  <si>
    <t>大字春日新田</t>
  </si>
  <si>
    <t>コード  05060</t>
  </si>
  <si>
    <t>春日新田１丁目</t>
  </si>
  <si>
    <t>コード  05061</t>
  </si>
  <si>
    <t>春日新田２丁目</t>
  </si>
  <si>
    <t>コード  05062</t>
  </si>
  <si>
    <t>春日新田３丁目</t>
  </si>
  <si>
    <t>コード  05063</t>
  </si>
  <si>
    <t>春日新田４丁目</t>
  </si>
  <si>
    <t>コード  05064</t>
  </si>
  <si>
    <t>春日新田５丁目</t>
  </si>
  <si>
    <t>コード  05065</t>
  </si>
  <si>
    <t>川原町</t>
  </si>
  <si>
    <t>コード  05070</t>
  </si>
  <si>
    <t>大字池ノ端</t>
  </si>
  <si>
    <t>コード  05080</t>
  </si>
  <si>
    <t>田園</t>
  </si>
  <si>
    <t>コード  06010</t>
  </si>
  <si>
    <t>直江津地区（八千浦）</t>
  </si>
  <si>
    <t>-0217直江津地区（八千浦）</t>
  </si>
  <si>
    <t>大字黒井</t>
  </si>
  <si>
    <t>コード  05210</t>
  </si>
  <si>
    <t>日之出町</t>
  </si>
  <si>
    <t>コード  05220</t>
  </si>
  <si>
    <t>大字上荒浜</t>
  </si>
  <si>
    <t>コード  05230</t>
  </si>
  <si>
    <t>大字下荒浜</t>
  </si>
  <si>
    <t>コード  05250</t>
  </si>
  <si>
    <t>大字遊光寺浜</t>
  </si>
  <si>
    <t>コード  05260</t>
  </si>
  <si>
    <t>大字夷浜</t>
  </si>
  <si>
    <t>コード  05280</t>
  </si>
  <si>
    <t>大字西ケ窪浜</t>
  </si>
  <si>
    <t>コード  05300</t>
  </si>
  <si>
    <t>大字石橋新田</t>
  </si>
  <si>
    <t>コード  05310</t>
  </si>
  <si>
    <t>大字夷浜新田</t>
  </si>
  <si>
    <t>コード  05320</t>
  </si>
  <si>
    <t>八千浦</t>
  </si>
  <si>
    <t>コード  05330</t>
  </si>
  <si>
    <t>直江津地区（保倉）</t>
  </si>
  <si>
    <t>-0218直江津地区（保倉）</t>
  </si>
  <si>
    <t>大字下百々</t>
  </si>
  <si>
    <t>コード  05510</t>
  </si>
  <si>
    <t>大字駒林</t>
  </si>
  <si>
    <t>コード  05520</t>
  </si>
  <si>
    <t>大字小泉</t>
  </si>
  <si>
    <t>コード  05530</t>
  </si>
  <si>
    <t>大字長岡</t>
  </si>
  <si>
    <t>コード  05540</t>
  </si>
  <si>
    <t>大字長岡新田</t>
  </si>
  <si>
    <t>コード  05550</t>
  </si>
  <si>
    <t>大字上名柄</t>
  </si>
  <si>
    <t>コード  05560</t>
  </si>
  <si>
    <t>大字五野井</t>
  </si>
  <si>
    <t>コード  05570</t>
  </si>
  <si>
    <t>大字石川</t>
  </si>
  <si>
    <t>コード  05580</t>
  </si>
  <si>
    <t>大字青野</t>
  </si>
  <si>
    <t>コード  05590</t>
  </si>
  <si>
    <t>大字上吉野</t>
  </si>
  <si>
    <t>コード  05630</t>
  </si>
  <si>
    <t>大字下吉野</t>
  </si>
  <si>
    <t>コード  05640</t>
  </si>
  <si>
    <t>大字上五貫野</t>
  </si>
  <si>
    <t>コード  05650</t>
  </si>
  <si>
    <t>大字下五貫野</t>
  </si>
  <si>
    <t>コード  05660</t>
  </si>
  <si>
    <t>大字下名柄</t>
  </si>
  <si>
    <t>コード  05670</t>
  </si>
  <si>
    <t>大字田沢新田</t>
  </si>
  <si>
    <t>コード  05680</t>
  </si>
  <si>
    <t>大字岡崎新田</t>
  </si>
  <si>
    <t>コード  05690</t>
  </si>
  <si>
    <t>大字福岡新田</t>
  </si>
  <si>
    <t>コード  05700</t>
  </si>
  <si>
    <t>直江津地区（北諏訪）</t>
  </si>
  <si>
    <t>-0219直江津地区（北諏訪）</t>
  </si>
  <si>
    <t>大字飯塚</t>
  </si>
  <si>
    <t>コード  05910</t>
  </si>
  <si>
    <t>大字中真砂</t>
  </si>
  <si>
    <t>コード  05920</t>
  </si>
  <si>
    <t>大字川端</t>
  </si>
  <si>
    <t>コード  05930</t>
  </si>
  <si>
    <t>大字東中島</t>
  </si>
  <si>
    <t>コード  05940</t>
  </si>
  <si>
    <t>大字上千原</t>
  </si>
  <si>
    <t>コード  05950</t>
  </si>
  <si>
    <t>大字福橋</t>
  </si>
  <si>
    <t>コード  05960</t>
  </si>
  <si>
    <t>大字横曽根</t>
  </si>
  <si>
    <t>コード  05970</t>
  </si>
  <si>
    <t>大字下真砂</t>
  </si>
  <si>
    <t>コード  05980</t>
  </si>
  <si>
    <t>大字上吉新田</t>
  </si>
  <si>
    <t>コード  05990</t>
  </si>
  <si>
    <t>大字下吉新田</t>
  </si>
  <si>
    <t>コード  06000</t>
  </si>
  <si>
    <t>直江津地区（谷浜）</t>
  </si>
  <si>
    <t>-0220直江津地区（谷浜）</t>
  </si>
  <si>
    <t>大字西横山</t>
  </si>
  <si>
    <t>コード  06210</t>
  </si>
  <si>
    <t>大字小池</t>
  </si>
  <si>
    <t>コード  06220</t>
  </si>
  <si>
    <t>大字西山寺</t>
  </si>
  <si>
    <t>コード  06230</t>
  </si>
  <si>
    <t>大字下綱子</t>
  </si>
  <si>
    <t>コード  06240</t>
  </si>
  <si>
    <t>大字高住</t>
  </si>
  <si>
    <t>コード  06250</t>
  </si>
  <si>
    <t>大字中桑取</t>
  </si>
  <si>
    <t>コード  06260</t>
  </si>
  <si>
    <t>大字丹原</t>
  </si>
  <si>
    <t>コード  06270</t>
  </si>
  <si>
    <t>大字鍋ケ浦</t>
  </si>
  <si>
    <t>コード  06280</t>
  </si>
  <si>
    <t>大字吉浦</t>
  </si>
  <si>
    <t>コード  06290</t>
  </si>
  <si>
    <t>大字茶屋ケ原</t>
  </si>
  <si>
    <t>コード  06300</t>
  </si>
  <si>
    <t>大字有間川</t>
  </si>
  <si>
    <t>コード  06310</t>
  </si>
  <si>
    <t>大字長浜</t>
  </si>
  <si>
    <t>コード  06320</t>
  </si>
  <si>
    <t>大字小池新田</t>
  </si>
  <si>
    <t>コード  06330</t>
  </si>
  <si>
    <t>大字西鳥越</t>
  </si>
  <si>
    <t>コード  06340</t>
  </si>
  <si>
    <t>大字諏訪分</t>
  </si>
  <si>
    <t>コード  06350</t>
  </si>
  <si>
    <t>大字中桑取新田</t>
  </si>
  <si>
    <t>コード  06360</t>
  </si>
  <si>
    <t>大字三伝</t>
  </si>
  <si>
    <t>コード  06370</t>
  </si>
  <si>
    <t>大字花立</t>
  </si>
  <si>
    <t>コード  06380</t>
  </si>
  <si>
    <t>大字西戸野</t>
  </si>
  <si>
    <t>コード  06390</t>
  </si>
  <si>
    <t>大字鍛治免分</t>
  </si>
  <si>
    <t>コード  06410</t>
  </si>
  <si>
    <t>大字鍛冶免分</t>
  </si>
  <si>
    <t>コード  06411</t>
  </si>
  <si>
    <t>大字下宇山</t>
  </si>
  <si>
    <t>コード  06420</t>
  </si>
  <si>
    <t>大字上宇山</t>
  </si>
  <si>
    <t>コード  06430</t>
  </si>
  <si>
    <t>直江津地区（桑取）</t>
  </si>
  <si>
    <t>-0221直江津地区（桑取）</t>
  </si>
  <si>
    <t>大字横畑</t>
  </si>
  <si>
    <t>コード  06610</t>
  </si>
  <si>
    <t>大字皆口</t>
  </si>
  <si>
    <t>コード  06620</t>
  </si>
  <si>
    <t>大字西谷内</t>
  </si>
  <si>
    <t>コード  06630</t>
  </si>
  <si>
    <t>大字北谷</t>
  </si>
  <si>
    <t>コード  06640</t>
  </si>
  <si>
    <t>大字土口</t>
  </si>
  <si>
    <t>コード  06650</t>
  </si>
  <si>
    <t>大字増沢</t>
  </si>
  <si>
    <t>コード  06660</t>
  </si>
  <si>
    <t>大字大渕</t>
  </si>
  <si>
    <t>コード  06670</t>
  </si>
  <si>
    <t>大字東吉尾</t>
  </si>
  <si>
    <t>コード  06680</t>
  </si>
  <si>
    <t>大字西吉尾</t>
  </si>
  <si>
    <t>コード  0669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color indexed="9"/>
      <name val="ＭＳ Ｐゴシック"/>
      <family val="3"/>
      <charset val="128"/>
    </font>
    <font>
      <b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3">
    <xf numFmtId="0" fontId="0" fillId="0" borderId="0" xfId="0">
      <alignment vertical="center"/>
    </xf>
    <xf numFmtId="0" fontId="1" fillId="0" borderId="1" xfId="1" applyFont="1" applyBorder="1" applyAlignment="1" applyProtection="1">
      <alignment horizontal="right" vertical="center"/>
      <protection locked="0"/>
    </xf>
    <xf numFmtId="0" fontId="1" fillId="0" borderId="2" xfId="1" applyFont="1" applyBorder="1" applyAlignment="1" applyProtection="1">
      <alignment vertical="center"/>
      <protection locked="0"/>
    </xf>
    <xf numFmtId="0" fontId="1" fillId="0" borderId="3" xfId="1" applyFont="1" applyBorder="1" applyAlignment="1" applyProtection="1">
      <alignment vertical="center"/>
      <protection locked="0"/>
    </xf>
    <xf numFmtId="0" fontId="1" fillId="0" borderId="1" xfId="1" applyFont="1" applyBorder="1" applyAlignment="1" applyProtection="1">
      <alignment vertical="center"/>
      <protection locked="0"/>
    </xf>
    <xf numFmtId="0" fontId="3" fillId="0" borderId="0" xfId="1" applyFont="1" applyProtection="1">
      <alignment vertical="center"/>
      <protection locked="0"/>
    </xf>
    <xf numFmtId="0" fontId="1" fillId="0" borderId="0" xfId="1" applyFont="1" applyAlignment="1">
      <alignment horizontal="right" vertical="center"/>
    </xf>
    <xf numFmtId="0" fontId="1" fillId="0" borderId="0" xfId="1" applyFont="1">
      <alignment vertical="center"/>
    </xf>
    <xf numFmtId="0" fontId="1" fillId="0" borderId="1" xfId="1" applyFont="1" applyBorder="1" applyAlignment="1">
      <alignment horizontal="right" vertical="center"/>
    </xf>
    <xf numFmtId="38" fontId="1" fillId="0" borderId="1" xfId="2" applyFont="1" applyBorder="1" applyProtection="1">
      <alignment vertical="center"/>
    </xf>
    <xf numFmtId="0" fontId="4" fillId="0" borderId="0" xfId="1" applyFont="1" applyAlignment="1">
      <alignment horizontal="center" vertical="center"/>
    </xf>
    <xf numFmtId="38" fontId="1" fillId="0" borderId="1" xfId="2" applyFont="1" applyBorder="1" applyProtection="1">
      <alignment vertical="center"/>
      <protection locked="0"/>
    </xf>
    <xf numFmtId="0" fontId="1" fillId="0" borderId="2" xfId="1" applyFont="1" applyBorder="1" applyAlignment="1" applyProtection="1">
      <alignment horizontal="left" vertical="center"/>
      <protection locked="0"/>
    </xf>
    <xf numFmtId="0" fontId="1" fillId="0" borderId="4" xfId="1" applyFont="1" applyBorder="1" applyAlignment="1" applyProtection="1">
      <alignment horizontal="center" vertical="center"/>
      <protection locked="0"/>
    </xf>
    <xf numFmtId="0" fontId="1" fillId="0" borderId="0" xfId="1" applyFont="1" applyAlignment="1" applyProtection="1">
      <alignment horizontal="right" vertical="center"/>
      <protection locked="0"/>
    </xf>
    <xf numFmtId="0" fontId="1" fillId="0" borderId="1" xfId="1" applyFont="1" applyBorder="1" applyAlignment="1">
      <alignment horizontal="center" vertical="center"/>
    </xf>
    <xf numFmtId="0" fontId="1" fillId="0" borderId="5" xfId="1" applyFont="1" applyBorder="1" applyAlignment="1">
      <alignment horizontal="right" vertical="center"/>
    </xf>
    <xf numFmtId="38" fontId="1" fillId="0" borderId="5" xfId="2" applyFont="1" applyBorder="1" applyProtection="1">
      <alignment vertical="center"/>
      <protection locked="0"/>
    </xf>
    <xf numFmtId="0" fontId="1" fillId="0" borderId="6" xfId="1" applyFont="1" applyBorder="1" applyAlignment="1">
      <alignment horizontal="right" vertical="center"/>
    </xf>
    <xf numFmtId="38" fontId="1" fillId="0" borderId="6" xfId="2" applyFont="1" applyBorder="1" applyProtection="1">
      <alignment vertical="center"/>
      <protection locked="0"/>
    </xf>
    <xf numFmtId="0" fontId="1" fillId="0" borderId="7" xfId="1" applyFont="1" applyBorder="1" applyAlignment="1">
      <alignment horizontal="right" vertical="center"/>
    </xf>
    <xf numFmtId="38" fontId="1" fillId="0" borderId="7" xfId="2" applyFont="1" applyBorder="1" applyProtection="1">
      <alignment vertical="center"/>
      <protection locked="0"/>
    </xf>
    <xf numFmtId="0" fontId="1" fillId="0" borderId="0" xfId="1" applyAlignment="1">
      <alignment horizontal="center"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worksheet" Target="worksheets/sheet117.xml"/><Relationship Id="rId299" Type="http://schemas.openxmlformats.org/officeDocument/2006/relationships/worksheet" Target="worksheets/sheet299.xml"/><Relationship Id="rId21" Type="http://schemas.openxmlformats.org/officeDocument/2006/relationships/worksheet" Target="worksheets/sheet21.xml"/><Relationship Id="rId63" Type="http://schemas.openxmlformats.org/officeDocument/2006/relationships/worksheet" Target="worksheets/sheet63.xml"/><Relationship Id="rId159" Type="http://schemas.openxmlformats.org/officeDocument/2006/relationships/worksheet" Target="worksheets/sheet159.xml"/><Relationship Id="rId324" Type="http://schemas.openxmlformats.org/officeDocument/2006/relationships/worksheet" Target="worksheets/sheet324.xml"/><Relationship Id="rId366" Type="http://schemas.openxmlformats.org/officeDocument/2006/relationships/worksheet" Target="worksheets/sheet366.xml"/><Relationship Id="rId170" Type="http://schemas.openxmlformats.org/officeDocument/2006/relationships/worksheet" Target="worksheets/sheet170.xml"/><Relationship Id="rId226" Type="http://schemas.openxmlformats.org/officeDocument/2006/relationships/worksheet" Target="worksheets/sheet226.xml"/><Relationship Id="rId433" Type="http://schemas.openxmlformats.org/officeDocument/2006/relationships/worksheet" Target="worksheets/sheet433.xml"/><Relationship Id="rId268" Type="http://schemas.openxmlformats.org/officeDocument/2006/relationships/worksheet" Target="worksheets/sheet268.xml"/><Relationship Id="rId32" Type="http://schemas.openxmlformats.org/officeDocument/2006/relationships/worksheet" Target="worksheets/sheet32.xml"/><Relationship Id="rId74" Type="http://schemas.openxmlformats.org/officeDocument/2006/relationships/worksheet" Target="worksheets/sheet74.xml"/><Relationship Id="rId128" Type="http://schemas.openxmlformats.org/officeDocument/2006/relationships/worksheet" Target="worksheets/sheet128.xml"/><Relationship Id="rId335" Type="http://schemas.openxmlformats.org/officeDocument/2006/relationships/worksheet" Target="worksheets/sheet335.xml"/><Relationship Id="rId377" Type="http://schemas.openxmlformats.org/officeDocument/2006/relationships/worksheet" Target="worksheets/sheet377.xml"/><Relationship Id="rId5" Type="http://schemas.openxmlformats.org/officeDocument/2006/relationships/worksheet" Target="worksheets/sheet5.xml"/><Relationship Id="rId181" Type="http://schemas.openxmlformats.org/officeDocument/2006/relationships/worksheet" Target="worksheets/sheet181.xml"/><Relationship Id="rId237" Type="http://schemas.openxmlformats.org/officeDocument/2006/relationships/worksheet" Target="worksheets/sheet237.xml"/><Relationship Id="rId402" Type="http://schemas.openxmlformats.org/officeDocument/2006/relationships/worksheet" Target="worksheets/sheet402.xml"/><Relationship Id="rId279" Type="http://schemas.openxmlformats.org/officeDocument/2006/relationships/worksheet" Target="worksheets/sheet279.xml"/><Relationship Id="rId444" Type="http://schemas.openxmlformats.org/officeDocument/2006/relationships/theme" Target="theme/theme1.xml"/><Relationship Id="rId43" Type="http://schemas.openxmlformats.org/officeDocument/2006/relationships/worksheet" Target="worksheets/sheet43.xml"/><Relationship Id="rId139" Type="http://schemas.openxmlformats.org/officeDocument/2006/relationships/worksheet" Target="worksheets/sheet139.xml"/><Relationship Id="rId290" Type="http://schemas.openxmlformats.org/officeDocument/2006/relationships/worksheet" Target="worksheets/sheet290.xml"/><Relationship Id="rId304" Type="http://schemas.openxmlformats.org/officeDocument/2006/relationships/worksheet" Target="worksheets/sheet304.xml"/><Relationship Id="rId346" Type="http://schemas.openxmlformats.org/officeDocument/2006/relationships/worksheet" Target="worksheets/sheet346.xml"/><Relationship Id="rId388" Type="http://schemas.openxmlformats.org/officeDocument/2006/relationships/worksheet" Target="worksheets/sheet388.xml"/><Relationship Id="rId85" Type="http://schemas.openxmlformats.org/officeDocument/2006/relationships/worksheet" Target="worksheets/sheet85.xml"/><Relationship Id="rId150" Type="http://schemas.openxmlformats.org/officeDocument/2006/relationships/worksheet" Target="worksheets/sheet150.xml"/><Relationship Id="rId192" Type="http://schemas.openxmlformats.org/officeDocument/2006/relationships/worksheet" Target="worksheets/sheet192.xml"/><Relationship Id="rId206" Type="http://schemas.openxmlformats.org/officeDocument/2006/relationships/worksheet" Target="worksheets/sheet206.xml"/><Relationship Id="rId413" Type="http://schemas.openxmlformats.org/officeDocument/2006/relationships/worksheet" Target="worksheets/sheet413.xml"/><Relationship Id="rId248" Type="http://schemas.openxmlformats.org/officeDocument/2006/relationships/worksheet" Target="worksheets/sheet248.xml"/><Relationship Id="rId12" Type="http://schemas.openxmlformats.org/officeDocument/2006/relationships/worksheet" Target="worksheets/sheet12.xml"/><Relationship Id="rId108" Type="http://schemas.openxmlformats.org/officeDocument/2006/relationships/worksheet" Target="worksheets/sheet108.xml"/><Relationship Id="rId315" Type="http://schemas.openxmlformats.org/officeDocument/2006/relationships/worksheet" Target="worksheets/sheet315.xml"/><Relationship Id="rId357" Type="http://schemas.openxmlformats.org/officeDocument/2006/relationships/worksheet" Target="worksheets/sheet357.xml"/><Relationship Id="rId54" Type="http://schemas.openxmlformats.org/officeDocument/2006/relationships/worksheet" Target="worksheets/sheet54.xml"/><Relationship Id="rId75" Type="http://schemas.openxmlformats.org/officeDocument/2006/relationships/worksheet" Target="worksheets/sheet75.xml"/><Relationship Id="rId96" Type="http://schemas.openxmlformats.org/officeDocument/2006/relationships/worksheet" Target="worksheets/sheet96.xml"/><Relationship Id="rId140" Type="http://schemas.openxmlformats.org/officeDocument/2006/relationships/worksheet" Target="worksheets/sheet140.xml"/><Relationship Id="rId161" Type="http://schemas.openxmlformats.org/officeDocument/2006/relationships/worksheet" Target="worksheets/sheet161.xml"/><Relationship Id="rId182" Type="http://schemas.openxmlformats.org/officeDocument/2006/relationships/worksheet" Target="worksheets/sheet182.xml"/><Relationship Id="rId217" Type="http://schemas.openxmlformats.org/officeDocument/2006/relationships/worksheet" Target="worksheets/sheet217.xml"/><Relationship Id="rId378" Type="http://schemas.openxmlformats.org/officeDocument/2006/relationships/worksheet" Target="worksheets/sheet378.xml"/><Relationship Id="rId399" Type="http://schemas.openxmlformats.org/officeDocument/2006/relationships/worksheet" Target="worksheets/sheet399.xml"/><Relationship Id="rId403" Type="http://schemas.openxmlformats.org/officeDocument/2006/relationships/worksheet" Target="worksheets/sheet403.xml"/><Relationship Id="rId6" Type="http://schemas.openxmlformats.org/officeDocument/2006/relationships/worksheet" Target="worksheets/sheet6.xml"/><Relationship Id="rId238" Type="http://schemas.openxmlformats.org/officeDocument/2006/relationships/worksheet" Target="worksheets/sheet238.xml"/><Relationship Id="rId259" Type="http://schemas.openxmlformats.org/officeDocument/2006/relationships/worksheet" Target="worksheets/sheet259.xml"/><Relationship Id="rId424" Type="http://schemas.openxmlformats.org/officeDocument/2006/relationships/worksheet" Target="worksheets/sheet424.xml"/><Relationship Id="rId445" Type="http://schemas.openxmlformats.org/officeDocument/2006/relationships/styles" Target="styles.xml"/><Relationship Id="rId23" Type="http://schemas.openxmlformats.org/officeDocument/2006/relationships/worksheet" Target="worksheets/sheet23.xml"/><Relationship Id="rId119" Type="http://schemas.openxmlformats.org/officeDocument/2006/relationships/worksheet" Target="worksheets/sheet119.xml"/><Relationship Id="rId270" Type="http://schemas.openxmlformats.org/officeDocument/2006/relationships/worksheet" Target="worksheets/sheet270.xml"/><Relationship Id="rId291" Type="http://schemas.openxmlformats.org/officeDocument/2006/relationships/worksheet" Target="worksheets/sheet291.xml"/><Relationship Id="rId305" Type="http://schemas.openxmlformats.org/officeDocument/2006/relationships/worksheet" Target="worksheets/sheet305.xml"/><Relationship Id="rId326" Type="http://schemas.openxmlformats.org/officeDocument/2006/relationships/worksheet" Target="worksheets/sheet326.xml"/><Relationship Id="rId347" Type="http://schemas.openxmlformats.org/officeDocument/2006/relationships/worksheet" Target="worksheets/sheet347.xml"/><Relationship Id="rId44" Type="http://schemas.openxmlformats.org/officeDocument/2006/relationships/worksheet" Target="worksheets/sheet44.xml"/><Relationship Id="rId65" Type="http://schemas.openxmlformats.org/officeDocument/2006/relationships/worksheet" Target="worksheets/sheet65.xml"/><Relationship Id="rId86" Type="http://schemas.openxmlformats.org/officeDocument/2006/relationships/worksheet" Target="worksheets/sheet86.xml"/><Relationship Id="rId130" Type="http://schemas.openxmlformats.org/officeDocument/2006/relationships/worksheet" Target="worksheets/sheet130.xml"/><Relationship Id="rId151" Type="http://schemas.openxmlformats.org/officeDocument/2006/relationships/worksheet" Target="worksheets/sheet151.xml"/><Relationship Id="rId368" Type="http://schemas.openxmlformats.org/officeDocument/2006/relationships/worksheet" Target="worksheets/sheet368.xml"/><Relationship Id="rId389" Type="http://schemas.openxmlformats.org/officeDocument/2006/relationships/worksheet" Target="worksheets/sheet389.xml"/><Relationship Id="rId172" Type="http://schemas.openxmlformats.org/officeDocument/2006/relationships/worksheet" Target="worksheets/sheet172.xml"/><Relationship Id="rId193" Type="http://schemas.openxmlformats.org/officeDocument/2006/relationships/worksheet" Target="worksheets/sheet193.xml"/><Relationship Id="rId207" Type="http://schemas.openxmlformats.org/officeDocument/2006/relationships/worksheet" Target="worksheets/sheet207.xml"/><Relationship Id="rId228" Type="http://schemas.openxmlformats.org/officeDocument/2006/relationships/worksheet" Target="worksheets/sheet228.xml"/><Relationship Id="rId249" Type="http://schemas.openxmlformats.org/officeDocument/2006/relationships/worksheet" Target="worksheets/sheet249.xml"/><Relationship Id="rId414" Type="http://schemas.openxmlformats.org/officeDocument/2006/relationships/worksheet" Target="worksheets/sheet414.xml"/><Relationship Id="rId435" Type="http://schemas.openxmlformats.org/officeDocument/2006/relationships/worksheet" Target="worksheets/sheet435.xml"/><Relationship Id="rId13" Type="http://schemas.openxmlformats.org/officeDocument/2006/relationships/worksheet" Target="worksheets/sheet13.xml"/><Relationship Id="rId109" Type="http://schemas.openxmlformats.org/officeDocument/2006/relationships/worksheet" Target="worksheets/sheet109.xml"/><Relationship Id="rId260" Type="http://schemas.openxmlformats.org/officeDocument/2006/relationships/worksheet" Target="worksheets/sheet260.xml"/><Relationship Id="rId281" Type="http://schemas.openxmlformats.org/officeDocument/2006/relationships/worksheet" Target="worksheets/sheet281.xml"/><Relationship Id="rId316" Type="http://schemas.openxmlformats.org/officeDocument/2006/relationships/worksheet" Target="worksheets/sheet316.xml"/><Relationship Id="rId337" Type="http://schemas.openxmlformats.org/officeDocument/2006/relationships/worksheet" Target="worksheets/sheet337.xml"/><Relationship Id="rId34" Type="http://schemas.openxmlformats.org/officeDocument/2006/relationships/worksheet" Target="worksheets/sheet34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20" Type="http://schemas.openxmlformats.org/officeDocument/2006/relationships/worksheet" Target="worksheets/sheet120.xml"/><Relationship Id="rId141" Type="http://schemas.openxmlformats.org/officeDocument/2006/relationships/worksheet" Target="worksheets/sheet141.xml"/><Relationship Id="rId358" Type="http://schemas.openxmlformats.org/officeDocument/2006/relationships/worksheet" Target="worksheets/sheet358.xml"/><Relationship Id="rId379" Type="http://schemas.openxmlformats.org/officeDocument/2006/relationships/worksheet" Target="worksheets/sheet379.xml"/><Relationship Id="rId7" Type="http://schemas.openxmlformats.org/officeDocument/2006/relationships/worksheet" Target="worksheets/sheet7.xml"/><Relationship Id="rId162" Type="http://schemas.openxmlformats.org/officeDocument/2006/relationships/worksheet" Target="worksheets/sheet162.xml"/><Relationship Id="rId183" Type="http://schemas.openxmlformats.org/officeDocument/2006/relationships/worksheet" Target="worksheets/sheet183.xml"/><Relationship Id="rId218" Type="http://schemas.openxmlformats.org/officeDocument/2006/relationships/worksheet" Target="worksheets/sheet218.xml"/><Relationship Id="rId239" Type="http://schemas.openxmlformats.org/officeDocument/2006/relationships/worksheet" Target="worksheets/sheet239.xml"/><Relationship Id="rId390" Type="http://schemas.openxmlformats.org/officeDocument/2006/relationships/worksheet" Target="worksheets/sheet390.xml"/><Relationship Id="rId404" Type="http://schemas.openxmlformats.org/officeDocument/2006/relationships/worksheet" Target="worksheets/sheet404.xml"/><Relationship Id="rId425" Type="http://schemas.openxmlformats.org/officeDocument/2006/relationships/worksheet" Target="worksheets/sheet425.xml"/><Relationship Id="rId446" Type="http://schemas.openxmlformats.org/officeDocument/2006/relationships/sharedStrings" Target="sharedStrings.xml"/><Relationship Id="rId250" Type="http://schemas.openxmlformats.org/officeDocument/2006/relationships/worksheet" Target="worksheets/sheet250.xml"/><Relationship Id="rId271" Type="http://schemas.openxmlformats.org/officeDocument/2006/relationships/worksheet" Target="worksheets/sheet271.xml"/><Relationship Id="rId292" Type="http://schemas.openxmlformats.org/officeDocument/2006/relationships/worksheet" Target="worksheets/sheet292.xml"/><Relationship Id="rId306" Type="http://schemas.openxmlformats.org/officeDocument/2006/relationships/worksheet" Target="worksheets/sheet306.xml"/><Relationship Id="rId24" Type="http://schemas.openxmlformats.org/officeDocument/2006/relationships/worksheet" Target="worksheets/sheet24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31" Type="http://schemas.openxmlformats.org/officeDocument/2006/relationships/worksheet" Target="worksheets/sheet131.xml"/><Relationship Id="rId327" Type="http://schemas.openxmlformats.org/officeDocument/2006/relationships/worksheet" Target="worksheets/sheet327.xml"/><Relationship Id="rId348" Type="http://schemas.openxmlformats.org/officeDocument/2006/relationships/worksheet" Target="worksheets/sheet348.xml"/><Relationship Id="rId369" Type="http://schemas.openxmlformats.org/officeDocument/2006/relationships/worksheet" Target="worksheets/sheet369.xml"/><Relationship Id="rId152" Type="http://schemas.openxmlformats.org/officeDocument/2006/relationships/worksheet" Target="worksheets/sheet152.xml"/><Relationship Id="rId173" Type="http://schemas.openxmlformats.org/officeDocument/2006/relationships/worksheet" Target="worksheets/sheet173.xml"/><Relationship Id="rId194" Type="http://schemas.openxmlformats.org/officeDocument/2006/relationships/worksheet" Target="worksheets/sheet194.xml"/><Relationship Id="rId208" Type="http://schemas.openxmlformats.org/officeDocument/2006/relationships/worksheet" Target="worksheets/sheet208.xml"/><Relationship Id="rId229" Type="http://schemas.openxmlformats.org/officeDocument/2006/relationships/worksheet" Target="worksheets/sheet229.xml"/><Relationship Id="rId380" Type="http://schemas.openxmlformats.org/officeDocument/2006/relationships/worksheet" Target="worksheets/sheet380.xml"/><Relationship Id="rId415" Type="http://schemas.openxmlformats.org/officeDocument/2006/relationships/worksheet" Target="worksheets/sheet415.xml"/><Relationship Id="rId436" Type="http://schemas.openxmlformats.org/officeDocument/2006/relationships/worksheet" Target="worksheets/sheet436.xml"/><Relationship Id="rId240" Type="http://schemas.openxmlformats.org/officeDocument/2006/relationships/worksheet" Target="worksheets/sheet240.xml"/><Relationship Id="rId261" Type="http://schemas.openxmlformats.org/officeDocument/2006/relationships/worksheet" Target="worksheets/sheet261.xml"/><Relationship Id="rId14" Type="http://schemas.openxmlformats.org/officeDocument/2006/relationships/worksheet" Target="worksheets/sheet14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282" Type="http://schemas.openxmlformats.org/officeDocument/2006/relationships/worksheet" Target="worksheets/sheet282.xml"/><Relationship Id="rId317" Type="http://schemas.openxmlformats.org/officeDocument/2006/relationships/worksheet" Target="worksheets/sheet317.xml"/><Relationship Id="rId338" Type="http://schemas.openxmlformats.org/officeDocument/2006/relationships/worksheet" Target="worksheets/sheet338.xml"/><Relationship Id="rId359" Type="http://schemas.openxmlformats.org/officeDocument/2006/relationships/worksheet" Target="worksheets/sheet359.xml"/><Relationship Id="rId8" Type="http://schemas.openxmlformats.org/officeDocument/2006/relationships/worksheet" Target="worksheets/sheet8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Relationship Id="rId163" Type="http://schemas.openxmlformats.org/officeDocument/2006/relationships/worksheet" Target="worksheets/sheet163.xml"/><Relationship Id="rId184" Type="http://schemas.openxmlformats.org/officeDocument/2006/relationships/worksheet" Target="worksheets/sheet184.xml"/><Relationship Id="rId219" Type="http://schemas.openxmlformats.org/officeDocument/2006/relationships/worksheet" Target="worksheets/sheet219.xml"/><Relationship Id="rId370" Type="http://schemas.openxmlformats.org/officeDocument/2006/relationships/worksheet" Target="worksheets/sheet370.xml"/><Relationship Id="rId391" Type="http://schemas.openxmlformats.org/officeDocument/2006/relationships/worksheet" Target="worksheets/sheet391.xml"/><Relationship Id="rId405" Type="http://schemas.openxmlformats.org/officeDocument/2006/relationships/worksheet" Target="worksheets/sheet405.xml"/><Relationship Id="rId426" Type="http://schemas.openxmlformats.org/officeDocument/2006/relationships/worksheet" Target="worksheets/sheet426.xml"/><Relationship Id="rId447" Type="http://schemas.openxmlformats.org/officeDocument/2006/relationships/calcChain" Target="calcChain.xml"/><Relationship Id="rId230" Type="http://schemas.openxmlformats.org/officeDocument/2006/relationships/worksheet" Target="worksheets/sheet230.xml"/><Relationship Id="rId251" Type="http://schemas.openxmlformats.org/officeDocument/2006/relationships/worksheet" Target="worksheets/sheet251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272" Type="http://schemas.openxmlformats.org/officeDocument/2006/relationships/worksheet" Target="worksheets/sheet272.xml"/><Relationship Id="rId293" Type="http://schemas.openxmlformats.org/officeDocument/2006/relationships/worksheet" Target="worksheets/sheet293.xml"/><Relationship Id="rId307" Type="http://schemas.openxmlformats.org/officeDocument/2006/relationships/worksheet" Target="worksheets/sheet307.xml"/><Relationship Id="rId328" Type="http://schemas.openxmlformats.org/officeDocument/2006/relationships/worksheet" Target="worksheets/sheet328.xml"/><Relationship Id="rId349" Type="http://schemas.openxmlformats.org/officeDocument/2006/relationships/worksheet" Target="worksheets/sheet349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53" Type="http://schemas.openxmlformats.org/officeDocument/2006/relationships/worksheet" Target="worksheets/sheet153.xml"/><Relationship Id="rId174" Type="http://schemas.openxmlformats.org/officeDocument/2006/relationships/worksheet" Target="worksheets/sheet174.xml"/><Relationship Id="rId195" Type="http://schemas.openxmlformats.org/officeDocument/2006/relationships/worksheet" Target="worksheets/sheet195.xml"/><Relationship Id="rId209" Type="http://schemas.openxmlformats.org/officeDocument/2006/relationships/worksheet" Target="worksheets/sheet209.xml"/><Relationship Id="rId360" Type="http://schemas.openxmlformats.org/officeDocument/2006/relationships/worksheet" Target="worksheets/sheet360.xml"/><Relationship Id="rId381" Type="http://schemas.openxmlformats.org/officeDocument/2006/relationships/worksheet" Target="worksheets/sheet381.xml"/><Relationship Id="rId416" Type="http://schemas.openxmlformats.org/officeDocument/2006/relationships/worksheet" Target="worksheets/sheet416.xml"/><Relationship Id="rId220" Type="http://schemas.openxmlformats.org/officeDocument/2006/relationships/worksheet" Target="worksheets/sheet220.xml"/><Relationship Id="rId241" Type="http://schemas.openxmlformats.org/officeDocument/2006/relationships/worksheet" Target="worksheets/sheet241.xml"/><Relationship Id="rId437" Type="http://schemas.openxmlformats.org/officeDocument/2006/relationships/worksheet" Target="worksheets/sheet437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262" Type="http://schemas.openxmlformats.org/officeDocument/2006/relationships/worksheet" Target="worksheets/sheet262.xml"/><Relationship Id="rId283" Type="http://schemas.openxmlformats.org/officeDocument/2006/relationships/worksheet" Target="worksheets/sheet283.xml"/><Relationship Id="rId318" Type="http://schemas.openxmlformats.org/officeDocument/2006/relationships/worksheet" Target="worksheets/sheet318.xml"/><Relationship Id="rId339" Type="http://schemas.openxmlformats.org/officeDocument/2006/relationships/worksheet" Target="worksheets/sheet339.xml"/><Relationship Id="rId78" Type="http://schemas.openxmlformats.org/officeDocument/2006/relationships/worksheet" Target="worksheets/sheet78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43" Type="http://schemas.openxmlformats.org/officeDocument/2006/relationships/worksheet" Target="worksheets/sheet143.xml"/><Relationship Id="rId164" Type="http://schemas.openxmlformats.org/officeDocument/2006/relationships/worksheet" Target="worksheets/sheet164.xml"/><Relationship Id="rId185" Type="http://schemas.openxmlformats.org/officeDocument/2006/relationships/worksheet" Target="worksheets/sheet185.xml"/><Relationship Id="rId350" Type="http://schemas.openxmlformats.org/officeDocument/2006/relationships/worksheet" Target="worksheets/sheet350.xml"/><Relationship Id="rId371" Type="http://schemas.openxmlformats.org/officeDocument/2006/relationships/worksheet" Target="worksheets/sheet371.xml"/><Relationship Id="rId406" Type="http://schemas.openxmlformats.org/officeDocument/2006/relationships/worksheet" Target="worksheets/sheet406.xml"/><Relationship Id="rId9" Type="http://schemas.openxmlformats.org/officeDocument/2006/relationships/worksheet" Target="worksheets/sheet9.xml"/><Relationship Id="rId210" Type="http://schemas.openxmlformats.org/officeDocument/2006/relationships/worksheet" Target="worksheets/sheet210.xml"/><Relationship Id="rId392" Type="http://schemas.openxmlformats.org/officeDocument/2006/relationships/worksheet" Target="worksheets/sheet392.xml"/><Relationship Id="rId427" Type="http://schemas.openxmlformats.org/officeDocument/2006/relationships/worksheet" Target="worksheets/sheet427.xml"/><Relationship Id="rId26" Type="http://schemas.openxmlformats.org/officeDocument/2006/relationships/worksheet" Target="worksheets/sheet26.xml"/><Relationship Id="rId231" Type="http://schemas.openxmlformats.org/officeDocument/2006/relationships/worksheet" Target="worksheets/sheet231.xml"/><Relationship Id="rId252" Type="http://schemas.openxmlformats.org/officeDocument/2006/relationships/worksheet" Target="worksheets/sheet252.xml"/><Relationship Id="rId273" Type="http://schemas.openxmlformats.org/officeDocument/2006/relationships/worksheet" Target="worksheets/sheet273.xml"/><Relationship Id="rId294" Type="http://schemas.openxmlformats.org/officeDocument/2006/relationships/worksheet" Target="worksheets/sheet294.xml"/><Relationship Id="rId308" Type="http://schemas.openxmlformats.org/officeDocument/2006/relationships/worksheet" Target="worksheets/sheet308.xml"/><Relationship Id="rId329" Type="http://schemas.openxmlformats.org/officeDocument/2006/relationships/worksheet" Target="worksheets/sheet329.xml"/><Relationship Id="rId47" Type="http://schemas.openxmlformats.org/officeDocument/2006/relationships/worksheet" Target="worksheets/sheet47.xml"/><Relationship Id="rId68" Type="http://schemas.openxmlformats.org/officeDocument/2006/relationships/worksheet" Target="worksheets/sheet68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54" Type="http://schemas.openxmlformats.org/officeDocument/2006/relationships/worksheet" Target="worksheets/sheet154.xml"/><Relationship Id="rId175" Type="http://schemas.openxmlformats.org/officeDocument/2006/relationships/worksheet" Target="worksheets/sheet175.xml"/><Relationship Id="rId340" Type="http://schemas.openxmlformats.org/officeDocument/2006/relationships/worksheet" Target="worksheets/sheet340.xml"/><Relationship Id="rId361" Type="http://schemas.openxmlformats.org/officeDocument/2006/relationships/worksheet" Target="worksheets/sheet361.xml"/><Relationship Id="rId196" Type="http://schemas.openxmlformats.org/officeDocument/2006/relationships/worksheet" Target="worksheets/sheet196.xml"/><Relationship Id="rId200" Type="http://schemas.openxmlformats.org/officeDocument/2006/relationships/worksheet" Target="worksheets/sheet200.xml"/><Relationship Id="rId382" Type="http://schemas.openxmlformats.org/officeDocument/2006/relationships/worksheet" Target="worksheets/sheet382.xml"/><Relationship Id="rId417" Type="http://schemas.openxmlformats.org/officeDocument/2006/relationships/worksheet" Target="worksheets/sheet417.xml"/><Relationship Id="rId438" Type="http://schemas.openxmlformats.org/officeDocument/2006/relationships/worksheet" Target="worksheets/sheet438.xml"/><Relationship Id="rId16" Type="http://schemas.openxmlformats.org/officeDocument/2006/relationships/worksheet" Target="worksheets/sheet16.xml"/><Relationship Id="rId221" Type="http://schemas.openxmlformats.org/officeDocument/2006/relationships/worksheet" Target="worksheets/sheet221.xml"/><Relationship Id="rId242" Type="http://schemas.openxmlformats.org/officeDocument/2006/relationships/worksheet" Target="worksheets/sheet242.xml"/><Relationship Id="rId263" Type="http://schemas.openxmlformats.org/officeDocument/2006/relationships/worksheet" Target="worksheets/sheet263.xml"/><Relationship Id="rId284" Type="http://schemas.openxmlformats.org/officeDocument/2006/relationships/worksheet" Target="worksheets/sheet284.xml"/><Relationship Id="rId319" Type="http://schemas.openxmlformats.org/officeDocument/2006/relationships/worksheet" Target="worksheets/sheet319.xml"/><Relationship Id="rId37" Type="http://schemas.openxmlformats.org/officeDocument/2006/relationships/worksheet" Target="worksheets/sheet37.xml"/><Relationship Id="rId58" Type="http://schemas.openxmlformats.org/officeDocument/2006/relationships/worksheet" Target="worksheets/sheet58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44" Type="http://schemas.openxmlformats.org/officeDocument/2006/relationships/worksheet" Target="worksheets/sheet144.xml"/><Relationship Id="rId330" Type="http://schemas.openxmlformats.org/officeDocument/2006/relationships/worksheet" Target="worksheets/sheet330.xml"/><Relationship Id="rId90" Type="http://schemas.openxmlformats.org/officeDocument/2006/relationships/worksheet" Target="worksheets/sheet90.xml"/><Relationship Id="rId165" Type="http://schemas.openxmlformats.org/officeDocument/2006/relationships/worksheet" Target="worksheets/sheet165.xml"/><Relationship Id="rId186" Type="http://schemas.openxmlformats.org/officeDocument/2006/relationships/worksheet" Target="worksheets/sheet186.xml"/><Relationship Id="rId351" Type="http://schemas.openxmlformats.org/officeDocument/2006/relationships/worksheet" Target="worksheets/sheet351.xml"/><Relationship Id="rId372" Type="http://schemas.openxmlformats.org/officeDocument/2006/relationships/worksheet" Target="worksheets/sheet372.xml"/><Relationship Id="rId393" Type="http://schemas.openxmlformats.org/officeDocument/2006/relationships/worksheet" Target="worksheets/sheet393.xml"/><Relationship Id="rId407" Type="http://schemas.openxmlformats.org/officeDocument/2006/relationships/worksheet" Target="worksheets/sheet407.xml"/><Relationship Id="rId428" Type="http://schemas.openxmlformats.org/officeDocument/2006/relationships/worksheet" Target="worksheets/sheet428.xml"/><Relationship Id="rId211" Type="http://schemas.openxmlformats.org/officeDocument/2006/relationships/worksheet" Target="worksheets/sheet211.xml"/><Relationship Id="rId232" Type="http://schemas.openxmlformats.org/officeDocument/2006/relationships/worksheet" Target="worksheets/sheet232.xml"/><Relationship Id="rId253" Type="http://schemas.openxmlformats.org/officeDocument/2006/relationships/worksheet" Target="worksheets/sheet253.xml"/><Relationship Id="rId274" Type="http://schemas.openxmlformats.org/officeDocument/2006/relationships/worksheet" Target="worksheets/sheet274.xml"/><Relationship Id="rId295" Type="http://schemas.openxmlformats.org/officeDocument/2006/relationships/worksheet" Target="worksheets/sheet295.xml"/><Relationship Id="rId309" Type="http://schemas.openxmlformats.org/officeDocument/2006/relationships/worksheet" Target="worksheets/sheet309.xml"/><Relationship Id="rId27" Type="http://schemas.openxmlformats.org/officeDocument/2006/relationships/worksheet" Target="worksheets/sheet27.xml"/><Relationship Id="rId48" Type="http://schemas.openxmlformats.org/officeDocument/2006/relationships/worksheet" Target="worksheets/sheet48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34" Type="http://schemas.openxmlformats.org/officeDocument/2006/relationships/worksheet" Target="worksheets/sheet134.xml"/><Relationship Id="rId320" Type="http://schemas.openxmlformats.org/officeDocument/2006/relationships/worksheet" Target="worksheets/sheet320.xml"/><Relationship Id="rId80" Type="http://schemas.openxmlformats.org/officeDocument/2006/relationships/worksheet" Target="worksheets/sheet80.xml"/><Relationship Id="rId155" Type="http://schemas.openxmlformats.org/officeDocument/2006/relationships/worksheet" Target="worksheets/sheet155.xml"/><Relationship Id="rId176" Type="http://schemas.openxmlformats.org/officeDocument/2006/relationships/worksheet" Target="worksheets/sheet176.xml"/><Relationship Id="rId197" Type="http://schemas.openxmlformats.org/officeDocument/2006/relationships/worksheet" Target="worksheets/sheet197.xml"/><Relationship Id="rId341" Type="http://schemas.openxmlformats.org/officeDocument/2006/relationships/worksheet" Target="worksheets/sheet341.xml"/><Relationship Id="rId362" Type="http://schemas.openxmlformats.org/officeDocument/2006/relationships/worksheet" Target="worksheets/sheet362.xml"/><Relationship Id="rId383" Type="http://schemas.openxmlformats.org/officeDocument/2006/relationships/worksheet" Target="worksheets/sheet383.xml"/><Relationship Id="rId418" Type="http://schemas.openxmlformats.org/officeDocument/2006/relationships/worksheet" Target="worksheets/sheet418.xml"/><Relationship Id="rId439" Type="http://schemas.openxmlformats.org/officeDocument/2006/relationships/worksheet" Target="worksheets/sheet439.xml"/><Relationship Id="rId201" Type="http://schemas.openxmlformats.org/officeDocument/2006/relationships/worksheet" Target="worksheets/sheet201.xml"/><Relationship Id="rId222" Type="http://schemas.openxmlformats.org/officeDocument/2006/relationships/worksheet" Target="worksheets/sheet222.xml"/><Relationship Id="rId243" Type="http://schemas.openxmlformats.org/officeDocument/2006/relationships/worksheet" Target="worksheets/sheet243.xml"/><Relationship Id="rId264" Type="http://schemas.openxmlformats.org/officeDocument/2006/relationships/worksheet" Target="worksheets/sheet264.xml"/><Relationship Id="rId285" Type="http://schemas.openxmlformats.org/officeDocument/2006/relationships/worksheet" Target="worksheets/sheet285.xml"/><Relationship Id="rId17" Type="http://schemas.openxmlformats.org/officeDocument/2006/relationships/worksheet" Target="worksheets/sheet17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24" Type="http://schemas.openxmlformats.org/officeDocument/2006/relationships/worksheet" Target="worksheets/sheet124.xml"/><Relationship Id="rId310" Type="http://schemas.openxmlformats.org/officeDocument/2006/relationships/worksheet" Target="worksheets/sheet310.xml"/><Relationship Id="rId70" Type="http://schemas.openxmlformats.org/officeDocument/2006/relationships/worksheet" Target="worksheets/sheet70.xml"/><Relationship Id="rId91" Type="http://schemas.openxmlformats.org/officeDocument/2006/relationships/worksheet" Target="worksheets/sheet91.xml"/><Relationship Id="rId145" Type="http://schemas.openxmlformats.org/officeDocument/2006/relationships/worksheet" Target="worksheets/sheet145.xml"/><Relationship Id="rId166" Type="http://schemas.openxmlformats.org/officeDocument/2006/relationships/worksheet" Target="worksheets/sheet166.xml"/><Relationship Id="rId187" Type="http://schemas.openxmlformats.org/officeDocument/2006/relationships/worksheet" Target="worksheets/sheet187.xml"/><Relationship Id="rId331" Type="http://schemas.openxmlformats.org/officeDocument/2006/relationships/worksheet" Target="worksheets/sheet331.xml"/><Relationship Id="rId352" Type="http://schemas.openxmlformats.org/officeDocument/2006/relationships/worksheet" Target="worksheets/sheet352.xml"/><Relationship Id="rId373" Type="http://schemas.openxmlformats.org/officeDocument/2006/relationships/worksheet" Target="worksheets/sheet373.xml"/><Relationship Id="rId394" Type="http://schemas.openxmlformats.org/officeDocument/2006/relationships/worksheet" Target="worksheets/sheet394.xml"/><Relationship Id="rId408" Type="http://schemas.openxmlformats.org/officeDocument/2006/relationships/worksheet" Target="worksheets/sheet408.xml"/><Relationship Id="rId429" Type="http://schemas.openxmlformats.org/officeDocument/2006/relationships/worksheet" Target="worksheets/sheet429.xml"/><Relationship Id="rId1" Type="http://schemas.openxmlformats.org/officeDocument/2006/relationships/worksheet" Target="worksheets/sheet1.xml"/><Relationship Id="rId212" Type="http://schemas.openxmlformats.org/officeDocument/2006/relationships/worksheet" Target="worksheets/sheet212.xml"/><Relationship Id="rId233" Type="http://schemas.openxmlformats.org/officeDocument/2006/relationships/worksheet" Target="worksheets/sheet233.xml"/><Relationship Id="rId254" Type="http://schemas.openxmlformats.org/officeDocument/2006/relationships/worksheet" Target="worksheets/sheet254.xml"/><Relationship Id="rId440" Type="http://schemas.openxmlformats.org/officeDocument/2006/relationships/worksheet" Target="worksheets/sheet440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275" Type="http://schemas.openxmlformats.org/officeDocument/2006/relationships/worksheet" Target="worksheets/sheet275.xml"/><Relationship Id="rId296" Type="http://schemas.openxmlformats.org/officeDocument/2006/relationships/worksheet" Target="worksheets/sheet296.xml"/><Relationship Id="rId300" Type="http://schemas.openxmlformats.org/officeDocument/2006/relationships/worksheet" Target="worksheets/sheet300.xml"/><Relationship Id="rId60" Type="http://schemas.openxmlformats.org/officeDocument/2006/relationships/worksheet" Target="worksheets/sheet60.xml"/><Relationship Id="rId81" Type="http://schemas.openxmlformats.org/officeDocument/2006/relationships/worksheet" Target="worksheets/sheet81.xml"/><Relationship Id="rId135" Type="http://schemas.openxmlformats.org/officeDocument/2006/relationships/worksheet" Target="worksheets/sheet135.xml"/><Relationship Id="rId156" Type="http://schemas.openxmlformats.org/officeDocument/2006/relationships/worksheet" Target="worksheets/sheet156.xml"/><Relationship Id="rId177" Type="http://schemas.openxmlformats.org/officeDocument/2006/relationships/worksheet" Target="worksheets/sheet177.xml"/><Relationship Id="rId198" Type="http://schemas.openxmlformats.org/officeDocument/2006/relationships/worksheet" Target="worksheets/sheet198.xml"/><Relationship Id="rId321" Type="http://schemas.openxmlformats.org/officeDocument/2006/relationships/worksheet" Target="worksheets/sheet321.xml"/><Relationship Id="rId342" Type="http://schemas.openxmlformats.org/officeDocument/2006/relationships/worksheet" Target="worksheets/sheet342.xml"/><Relationship Id="rId363" Type="http://schemas.openxmlformats.org/officeDocument/2006/relationships/worksheet" Target="worksheets/sheet363.xml"/><Relationship Id="rId384" Type="http://schemas.openxmlformats.org/officeDocument/2006/relationships/worksheet" Target="worksheets/sheet384.xml"/><Relationship Id="rId419" Type="http://schemas.openxmlformats.org/officeDocument/2006/relationships/worksheet" Target="worksheets/sheet419.xml"/><Relationship Id="rId202" Type="http://schemas.openxmlformats.org/officeDocument/2006/relationships/worksheet" Target="worksheets/sheet202.xml"/><Relationship Id="rId223" Type="http://schemas.openxmlformats.org/officeDocument/2006/relationships/worksheet" Target="worksheets/sheet223.xml"/><Relationship Id="rId244" Type="http://schemas.openxmlformats.org/officeDocument/2006/relationships/worksheet" Target="worksheets/sheet244.xml"/><Relationship Id="rId430" Type="http://schemas.openxmlformats.org/officeDocument/2006/relationships/worksheet" Target="worksheets/sheet430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265" Type="http://schemas.openxmlformats.org/officeDocument/2006/relationships/worksheet" Target="worksheets/sheet265.xml"/><Relationship Id="rId286" Type="http://schemas.openxmlformats.org/officeDocument/2006/relationships/worksheet" Target="worksheets/sheet286.xml"/><Relationship Id="rId50" Type="http://schemas.openxmlformats.org/officeDocument/2006/relationships/worksheet" Target="worksheets/sheet50.xml"/><Relationship Id="rId104" Type="http://schemas.openxmlformats.org/officeDocument/2006/relationships/worksheet" Target="worksheets/sheet104.xml"/><Relationship Id="rId125" Type="http://schemas.openxmlformats.org/officeDocument/2006/relationships/worksheet" Target="worksheets/sheet125.xml"/><Relationship Id="rId146" Type="http://schemas.openxmlformats.org/officeDocument/2006/relationships/worksheet" Target="worksheets/sheet146.xml"/><Relationship Id="rId167" Type="http://schemas.openxmlformats.org/officeDocument/2006/relationships/worksheet" Target="worksheets/sheet167.xml"/><Relationship Id="rId188" Type="http://schemas.openxmlformats.org/officeDocument/2006/relationships/worksheet" Target="worksheets/sheet188.xml"/><Relationship Id="rId311" Type="http://schemas.openxmlformats.org/officeDocument/2006/relationships/worksheet" Target="worksheets/sheet311.xml"/><Relationship Id="rId332" Type="http://schemas.openxmlformats.org/officeDocument/2006/relationships/worksheet" Target="worksheets/sheet332.xml"/><Relationship Id="rId353" Type="http://schemas.openxmlformats.org/officeDocument/2006/relationships/worksheet" Target="worksheets/sheet353.xml"/><Relationship Id="rId374" Type="http://schemas.openxmlformats.org/officeDocument/2006/relationships/worksheet" Target="worksheets/sheet374.xml"/><Relationship Id="rId395" Type="http://schemas.openxmlformats.org/officeDocument/2006/relationships/worksheet" Target="worksheets/sheet395.xml"/><Relationship Id="rId409" Type="http://schemas.openxmlformats.org/officeDocument/2006/relationships/worksheet" Target="worksheets/sheet409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13" Type="http://schemas.openxmlformats.org/officeDocument/2006/relationships/worksheet" Target="worksheets/sheet213.xml"/><Relationship Id="rId234" Type="http://schemas.openxmlformats.org/officeDocument/2006/relationships/worksheet" Target="worksheets/sheet234.xml"/><Relationship Id="rId420" Type="http://schemas.openxmlformats.org/officeDocument/2006/relationships/worksheet" Target="worksheets/sheet420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55" Type="http://schemas.openxmlformats.org/officeDocument/2006/relationships/worksheet" Target="worksheets/sheet255.xml"/><Relationship Id="rId276" Type="http://schemas.openxmlformats.org/officeDocument/2006/relationships/worksheet" Target="worksheets/sheet276.xml"/><Relationship Id="rId297" Type="http://schemas.openxmlformats.org/officeDocument/2006/relationships/worksheet" Target="worksheets/sheet297.xml"/><Relationship Id="rId441" Type="http://schemas.openxmlformats.org/officeDocument/2006/relationships/worksheet" Target="worksheets/sheet441.xml"/><Relationship Id="rId40" Type="http://schemas.openxmlformats.org/officeDocument/2006/relationships/worksheet" Target="worksheets/sheet40.xml"/><Relationship Id="rId115" Type="http://schemas.openxmlformats.org/officeDocument/2006/relationships/worksheet" Target="worksheets/sheet115.xml"/><Relationship Id="rId136" Type="http://schemas.openxmlformats.org/officeDocument/2006/relationships/worksheet" Target="worksheets/sheet136.xml"/><Relationship Id="rId157" Type="http://schemas.openxmlformats.org/officeDocument/2006/relationships/worksheet" Target="worksheets/sheet157.xml"/><Relationship Id="rId178" Type="http://schemas.openxmlformats.org/officeDocument/2006/relationships/worksheet" Target="worksheets/sheet178.xml"/><Relationship Id="rId301" Type="http://schemas.openxmlformats.org/officeDocument/2006/relationships/worksheet" Target="worksheets/sheet301.xml"/><Relationship Id="rId322" Type="http://schemas.openxmlformats.org/officeDocument/2006/relationships/worksheet" Target="worksheets/sheet322.xml"/><Relationship Id="rId343" Type="http://schemas.openxmlformats.org/officeDocument/2006/relationships/worksheet" Target="worksheets/sheet343.xml"/><Relationship Id="rId364" Type="http://schemas.openxmlformats.org/officeDocument/2006/relationships/worksheet" Target="worksheets/sheet364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9" Type="http://schemas.openxmlformats.org/officeDocument/2006/relationships/worksheet" Target="worksheets/sheet199.xml"/><Relationship Id="rId203" Type="http://schemas.openxmlformats.org/officeDocument/2006/relationships/worksheet" Target="worksheets/sheet203.xml"/><Relationship Id="rId385" Type="http://schemas.openxmlformats.org/officeDocument/2006/relationships/worksheet" Target="worksheets/sheet385.xml"/><Relationship Id="rId19" Type="http://schemas.openxmlformats.org/officeDocument/2006/relationships/worksheet" Target="worksheets/sheet19.xml"/><Relationship Id="rId224" Type="http://schemas.openxmlformats.org/officeDocument/2006/relationships/worksheet" Target="worksheets/sheet224.xml"/><Relationship Id="rId245" Type="http://schemas.openxmlformats.org/officeDocument/2006/relationships/worksheet" Target="worksheets/sheet245.xml"/><Relationship Id="rId266" Type="http://schemas.openxmlformats.org/officeDocument/2006/relationships/worksheet" Target="worksheets/sheet266.xml"/><Relationship Id="rId287" Type="http://schemas.openxmlformats.org/officeDocument/2006/relationships/worksheet" Target="worksheets/sheet287.xml"/><Relationship Id="rId410" Type="http://schemas.openxmlformats.org/officeDocument/2006/relationships/worksheet" Target="worksheets/sheet410.xml"/><Relationship Id="rId431" Type="http://schemas.openxmlformats.org/officeDocument/2006/relationships/worksheet" Target="worksheets/sheet431.xml"/><Relationship Id="rId30" Type="http://schemas.openxmlformats.org/officeDocument/2006/relationships/worksheet" Target="worksheets/sheet3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168" Type="http://schemas.openxmlformats.org/officeDocument/2006/relationships/worksheet" Target="worksheets/sheet168.xml"/><Relationship Id="rId312" Type="http://schemas.openxmlformats.org/officeDocument/2006/relationships/worksheet" Target="worksheets/sheet312.xml"/><Relationship Id="rId333" Type="http://schemas.openxmlformats.org/officeDocument/2006/relationships/worksheet" Target="worksheets/sheet333.xml"/><Relationship Id="rId354" Type="http://schemas.openxmlformats.org/officeDocument/2006/relationships/worksheet" Target="worksheets/sheet354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189" Type="http://schemas.openxmlformats.org/officeDocument/2006/relationships/worksheet" Target="worksheets/sheet189.xml"/><Relationship Id="rId375" Type="http://schemas.openxmlformats.org/officeDocument/2006/relationships/worksheet" Target="worksheets/sheet375.xml"/><Relationship Id="rId396" Type="http://schemas.openxmlformats.org/officeDocument/2006/relationships/worksheet" Target="worksheets/sheet396.xml"/><Relationship Id="rId3" Type="http://schemas.openxmlformats.org/officeDocument/2006/relationships/worksheet" Target="worksheets/sheet3.xml"/><Relationship Id="rId214" Type="http://schemas.openxmlformats.org/officeDocument/2006/relationships/worksheet" Target="worksheets/sheet214.xml"/><Relationship Id="rId235" Type="http://schemas.openxmlformats.org/officeDocument/2006/relationships/worksheet" Target="worksheets/sheet235.xml"/><Relationship Id="rId256" Type="http://schemas.openxmlformats.org/officeDocument/2006/relationships/worksheet" Target="worksheets/sheet256.xml"/><Relationship Id="rId277" Type="http://schemas.openxmlformats.org/officeDocument/2006/relationships/worksheet" Target="worksheets/sheet277.xml"/><Relationship Id="rId298" Type="http://schemas.openxmlformats.org/officeDocument/2006/relationships/worksheet" Target="worksheets/sheet298.xml"/><Relationship Id="rId400" Type="http://schemas.openxmlformats.org/officeDocument/2006/relationships/worksheet" Target="worksheets/sheet400.xml"/><Relationship Id="rId421" Type="http://schemas.openxmlformats.org/officeDocument/2006/relationships/worksheet" Target="worksheets/sheet421.xml"/><Relationship Id="rId442" Type="http://schemas.openxmlformats.org/officeDocument/2006/relationships/worksheet" Target="worksheets/sheet442.xml"/><Relationship Id="rId116" Type="http://schemas.openxmlformats.org/officeDocument/2006/relationships/worksheet" Target="worksheets/sheet116.xml"/><Relationship Id="rId137" Type="http://schemas.openxmlformats.org/officeDocument/2006/relationships/worksheet" Target="worksheets/sheet137.xml"/><Relationship Id="rId158" Type="http://schemas.openxmlformats.org/officeDocument/2006/relationships/worksheet" Target="worksheets/sheet158.xml"/><Relationship Id="rId302" Type="http://schemas.openxmlformats.org/officeDocument/2006/relationships/worksheet" Target="worksheets/sheet302.xml"/><Relationship Id="rId323" Type="http://schemas.openxmlformats.org/officeDocument/2006/relationships/worksheet" Target="worksheets/sheet323.xml"/><Relationship Id="rId344" Type="http://schemas.openxmlformats.org/officeDocument/2006/relationships/worksheet" Target="worksheets/sheet344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179" Type="http://schemas.openxmlformats.org/officeDocument/2006/relationships/worksheet" Target="worksheets/sheet179.xml"/><Relationship Id="rId365" Type="http://schemas.openxmlformats.org/officeDocument/2006/relationships/worksheet" Target="worksheets/sheet365.xml"/><Relationship Id="rId386" Type="http://schemas.openxmlformats.org/officeDocument/2006/relationships/worksheet" Target="worksheets/sheet386.xml"/><Relationship Id="rId190" Type="http://schemas.openxmlformats.org/officeDocument/2006/relationships/worksheet" Target="worksheets/sheet190.xml"/><Relationship Id="rId204" Type="http://schemas.openxmlformats.org/officeDocument/2006/relationships/worksheet" Target="worksheets/sheet204.xml"/><Relationship Id="rId225" Type="http://schemas.openxmlformats.org/officeDocument/2006/relationships/worksheet" Target="worksheets/sheet225.xml"/><Relationship Id="rId246" Type="http://schemas.openxmlformats.org/officeDocument/2006/relationships/worksheet" Target="worksheets/sheet246.xml"/><Relationship Id="rId267" Type="http://schemas.openxmlformats.org/officeDocument/2006/relationships/worksheet" Target="worksheets/sheet267.xml"/><Relationship Id="rId288" Type="http://schemas.openxmlformats.org/officeDocument/2006/relationships/worksheet" Target="worksheets/sheet288.xml"/><Relationship Id="rId411" Type="http://schemas.openxmlformats.org/officeDocument/2006/relationships/worksheet" Target="worksheets/sheet411.xml"/><Relationship Id="rId432" Type="http://schemas.openxmlformats.org/officeDocument/2006/relationships/worksheet" Target="worksheets/sheet432.xml"/><Relationship Id="rId106" Type="http://schemas.openxmlformats.org/officeDocument/2006/relationships/worksheet" Target="worksheets/sheet106.xml"/><Relationship Id="rId127" Type="http://schemas.openxmlformats.org/officeDocument/2006/relationships/worksheet" Target="worksheets/sheet127.xml"/><Relationship Id="rId313" Type="http://schemas.openxmlformats.org/officeDocument/2006/relationships/worksheet" Target="worksheets/sheet313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94" Type="http://schemas.openxmlformats.org/officeDocument/2006/relationships/worksheet" Target="worksheets/sheet94.xml"/><Relationship Id="rId148" Type="http://schemas.openxmlformats.org/officeDocument/2006/relationships/worksheet" Target="worksheets/sheet148.xml"/><Relationship Id="rId169" Type="http://schemas.openxmlformats.org/officeDocument/2006/relationships/worksheet" Target="worksheets/sheet169.xml"/><Relationship Id="rId334" Type="http://schemas.openxmlformats.org/officeDocument/2006/relationships/worksheet" Target="worksheets/sheet334.xml"/><Relationship Id="rId355" Type="http://schemas.openxmlformats.org/officeDocument/2006/relationships/worksheet" Target="worksheets/sheet355.xml"/><Relationship Id="rId376" Type="http://schemas.openxmlformats.org/officeDocument/2006/relationships/worksheet" Target="worksheets/sheet376.xml"/><Relationship Id="rId397" Type="http://schemas.openxmlformats.org/officeDocument/2006/relationships/worksheet" Target="worksheets/sheet397.xml"/><Relationship Id="rId4" Type="http://schemas.openxmlformats.org/officeDocument/2006/relationships/worksheet" Target="worksheets/sheet4.xml"/><Relationship Id="rId180" Type="http://schemas.openxmlformats.org/officeDocument/2006/relationships/worksheet" Target="worksheets/sheet180.xml"/><Relationship Id="rId215" Type="http://schemas.openxmlformats.org/officeDocument/2006/relationships/worksheet" Target="worksheets/sheet215.xml"/><Relationship Id="rId236" Type="http://schemas.openxmlformats.org/officeDocument/2006/relationships/worksheet" Target="worksheets/sheet236.xml"/><Relationship Id="rId257" Type="http://schemas.openxmlformats.org/officeDocument/2006/relationships/worksheet" Target="worksheets/sheet257.xml"/><Relationship Id="rId278" Type="http://schemas.openxmlformats.org/officeDocument/2006/relationships/worksheet" Target="worksheets/sheet278.xml"/><Relationship Id="rId401" Type="http://schemas.openxmlformats.org/officeDocument/2006/relationships/worksheet" Target="worksheets/sheet401.xml"/><Relationship Id="rId422" Type="http://schemas.openxmlformats.org/officeDocument/2006/relationships/worksheet" Target="worksheets/sheet422.xml"/><Relationship Id="rId443" Type="http://schemas.openxmlformats.org/officeDocument/2006/relationships/externalLink" Target="externalLinks/externalLink1.xml"/><Relationship Id="rId303" Type="http://schemas.openxmlformats.org/officeDocument/2006/relationships/worksheet" Target="worksheets/sheet303.xml"/><Relationship Id="rId42" Type="http://schemas.openxmlformats.org/officeDocument/2006/relationships/worksheet" Target="worksheets/sheet42.xml"/><Relationship Id="rId84" Type="http://schemas.openxmlformats.org/officeDocument/2006/relationships/worksheet" Target="worksheets/sheet84.xml"/><Relationship Id="rId138" Type="http://schemas.openxmlformats.org/officeDocument/2006/relationships/worksheet" Target="worksheets/sheet138.xml"/><Relationship Id="rId345" Type="http://schemas.openxmlformats.org/officeDocument/2006/relationships/worksheet" Target="worksheets/sheet345.xml"/><Relationship Id="rId387" Type="http://schemas.openxmlformats.org/officeDocument/2006/relationships/worksheet" Target="worksheets/sheet387.xml"/><Relationship Id="rId191" Type="http://schemas.openxmlformats.org/officeDocument/2006/relationships/worksheet" Target="worksheets/sheet191.xml"/><Relationship Id="rId205" Type="http://schemas.openxmlformats.org/officeDocument/2006/relationships/worksheet" Target="worksheets/sheet205.xml"/><Relationship Id="rId247" Type="http://schemas.openxmlformats.org/officeDocument/2006/relationships/worksheet" Target="worksheets/sheet247.xml"/><Relationship Id="rId412" Type="http://schemas.openxmlformats.org/officeDocument/2006/relationships/worksheet" Target="worksheets/sheet412.xml"/><Relationship Id="rId107" Type="http://schemas.openxmlformats.org/officeDocument/2006/relationships/worksheet" Target="worksheets/sheet107.xml"/><Relationship Id="rId289" Type="http://schemas.openxmlformats.org/officeDocument/2006/relationships/worksheet" Target="worksheets/sheet289.xml"/><Relationship Id="rId11" Type="http://schemas.openxmlformats.org/officeDocument/2006/relationships/worksheet" Target="worksheets/sheet11.xml"/><Relationship Id="rId53" Type="http://schemas.openxmlformats.org/officeDocument/2006/relationships/worksheet" Target="worksheets/sheet53.xml"/><Relationship Id="rId149" Type="http://schemas.openxmlformats.org/officeDocument/2006/relationships/worksheet" Target="worksheets/sheet149.xml"/><Relationship Id="rId314" Type="http://schemas.openxmlformats.org/officeDocument/2006/relationships/worksheet" Target="worksheets/sheet314.xml"/><Relationship Id="rId356" Type="http://schemas.openxmlformats.org/officeDocument/2006/relationships/worksheet" Target="worksheets/sheet356.xml"/><Relationship Id="rId398" Type="http://schemas.openxmlformats.org/officeDocument/2006/relationships/worksheet" Target="worksheets/sheet398.xml"/><Relationship Id="rId95" Type="http://schemas.openxmlformats.org/officeDocument/2006/relationships/worksheet" Target="worksheets/sheet95.xml"/><Relationship Id="rId160" Type="http://schemas.openxmlformats.org/officeDocument/2006/relationships/worksheet" Target="worksheets/sheet160.xml"/><Relationship Id="rId216" Type="http://schemas.openxmlformats.org/officeDocument/2006/relationships/worksheet" Target="worksheets/sheet216.xml"/><Relationship Id="rId423" Type="http://schemas.openxmlformats.org/officeDocument/2006/relationships/worksheet" Target="worksheets/sheet423.xml"/><Relationship Id="rId258" Type="http://schemas.openxmlformats.org/officeDocument/2006/relationships/worksheet" Target="worksheets/sheet258.xml"/><Relationship Id="rId22" Type="http://schemas.openxmlformats.org/officeDocument/2006/relationships/worksheet" Target="worksheets/sheet22.xml"/><Relationship Id="rId64" Type="http://schemas.openxmlformats.org/officeDocument/2006/relationships/worksheet" Target="worksheets/sheet64.xml"/><Relationship Id="rId118" Type="http://schemas.openxmlformats.org/officeDocument/2006/relationships/worksheet" Target="worksheets/sheet118.xml"/><Relationship Id="rId325" Type="http://schemas.openxmlformats.org/officeDocument/2006/relationships/worksheet" Target="worksheets/sheet325.xml"/><Relationship Id="rId367" Type="http://schemas.openxmlformats.org/officeDocument/2006/relationships/worksheet" Target="worksheets/sheet367.xml"/><Relationship Id="rId171" Type="http://schemas.openxmlformats.org/officeDocument/2006/relationships/worksheet" Target="worksheets/sheet171.xml"/><Relationship Id="rId227" Type="http://schemas.openxmlformats.org/officeDocument/2006/relationships/worksheet" Target="worksheets/sheet227.xml"/><Relationship Id="rId269" Type="http://schemas.openxmlformats.org/officeDocument/2006/relationships/worksheet" Target="worksheets/sheet269.xml"/><Relationship Id="rId434" Type="http://schemas.openxmlformats.org/officeDocument/2006/relationships/worksheet" Target="worksheets/sheet434.xml"/><Relationship Id="rId33" Type="http://schemas.openxmlformats.org/officeDocument/2006/relationships/worksheet" Target="worksheets/sheet33.xml"/><Relationship Id="rId129" Type="http://schemas.openxmlformats.org/officeDocument/2006/relationships/worksheet" Target="worksheets/sheet129.xml"/><Relationship Id="rId280" Type="http://schemas.openxmlformats.org/officeDocument/2006/relationships/worksheet" Target="worksheets/sheet280.xml"/><Relationship Id="rId336" Type="http://schemas.openxmlformats.org/officeDocument/2006/relationships/worksheet" Target="worksheets/sheet336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0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1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2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3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4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5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6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7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8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19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0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1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2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3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4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5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6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7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8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9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0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1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2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3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4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5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6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7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8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9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0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1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2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3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4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4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4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5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6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7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8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9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0525</xdr:colOff>
      <xdr:row>0</xdr:row>
      <xdr:rowOff>9525</xdr:rowOff>
    </xdr:from>
    <xdr:to>
      <xdr:col>3</xdr:col>
      <xdr:colOff>390525</xdr:colOff>
      <xdr:row>1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3505200" y="9525"/>
          <a:ext cx="0" cy="1619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10082\&#20303;&#35352;&#22806;&#20184;&#12471;&#12473;&#12486;&#12512;\04&#32113;&#35336;\@&#38619;&#22411;\&#24180;&#40802;&#21029;&#30007;&#22899;&#20154;&#21475;&#38598;&#35336;&#22806;&#22269;&#20154;&#38619;&#2241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雛型"/>
      <sheetName val="QE人口年齢集計表"/>
      <sheetName val="T人口年齢見出し"/>
    </sheetNames>
    <sheetDataSet>
      <sheetData sheetId="0"/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0.xml"/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1.xml"/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2.xml"/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3.xml"/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4.xml"/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5.xml"/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6.xml"/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7.xml"/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8.xml"/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9.xml"/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0.xml"/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1.xml"/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2.xml"/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3.xml"/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4.xml"/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5.xml"/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6.xml"/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7.xml"/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8.xml"/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9.xml"/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0.xml"/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1.xml"/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2.xml"/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3.xml"/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4.xml"/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5.xml"/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6.xml"/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7.xml"/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8.xml"/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9.xml"/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0.xml"/><Relationship Id="rId1" Type="http://schemas.openxmlformats.org/officeDocument/2006/relationships/printerSettings" Target="../printerSettings/printerSettings130.bin"/></Relationships>
</file>

<file path=xl/worksheets/_rels/sheet1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1.xml"/><Relationship Id="rId1" Type="http://schemas.openxmlformats.org/officeDocument/2006/relationships/printerSettings" Target="../printerSettings/printerSettings131.bin"/></Relationships>
</file>

<file path=xl/worksheets/_rels/sheet1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2.xml"/><Relationship Id="rId1" Type="http://schemas.openxmlformats.org/officeDocument/2006/relationships/printerSettings" Target="../printerSettings/printerSettings132.bin"/></Relationships>
</file>

<file path=xl/worksheets/_rels/sheet1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3.xml"/><Relationship Id="rId1" Type="http://schemas.openxmlformats.org/officeDocument/2006/relationships/printerSettings" Target="../printerSettings/printerSettings133.bin"/></Relationships>
</file>

<file path=xl/worksheets/_rels/sheet1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4.xml"/><Relationship Id="rId1" Type="http://schemas.openxmlformats.org/officeDocument/2006/relationships/printerSettings" Target="../printerSettings/printerSettings134.bin"/></Relationships>
</file>

<file path=xl/worksheets/_rels/sheet1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5.xml"/><Relationship Id="rId1" Type="http://schemas.openxmlformats.org/officeDocument/2006/relationships/printerSettings" Target="../printerSettings/printerSettings135.bin"/></Relationships>
</file>

<file path=xl/worksheets/_rels/sheet1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6.xml"/><Relationship Id="rId1" Type="http://schemas.openxmlformats.org/officeDocument/2006/relationships/printerSettings" Target="../printerSettings/printerSettings136.bin"/></Relationships>
</file>

<file path=xl/worksheets/_rels/sheet1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7.xml"/><Relationship Id="rId1" Type="http://schemas.openxmlformats.org/officeDocument/2006/relationships/printerSettings" Target="../printerSettings/printerSettings137.bin"/></Relationships>
</file>

<file path=xl/worksheets/_rels/sheet1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8.xml"/><Relationship Id="rId1" Type="http://schemas.openxmlformats.org/officeDocument/2006/relationships/printerSettings" Target="../printerSettings/printerSettings138.bin"/></Relationships>
</file>

<file path=xl/worksheets/_rels/sheet1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9.xml"/><Relationship Id="rId1" Type="http://schemas.openxmlformats.org/officeDocument/2006/relationships/printerSettings" Target="../printerSettings/printerSettings13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0.xml"/><Relationship Id="rId1" Type="http://schemas.openxmlformats.org/officeDocument/2006/relationships/printerSettings" Target="../printerSettings/printerSettings140.bin"/></Relationships>
</file>

<file path=xl/worksheets/_rels/sheet1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1.xml"/><Relationship Id="rId1" Type="http://schemas.openxmlformats.org/officeDocument/2006/relationships/printerSettings" Target="../printerSettings/printerSettings141.bin"/></Relationships>
</file>

<file path=xl/worksheets/_rels/sheet1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2.xml"/><Relationship Id="rId1" Type="http://schemas.openxmlformats.org/officeDocument/2006/relationships/printerSettings" Target="../printerSettings/printerSettings142.bin"/></Relationships>
</file>

<file path=xl/worksheets/_rels/sheet14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3.xml"/><Relationship Id="rId1" Type="http://schemas.openxmlformats.org/officeDocument/2006/relationships/printerSettings" Target="../printerSettings/printerSettings143.bin"/></Relationships>
</file>

<file path=xl/worksheets/_rels/sheet14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4.xml"/><Relationship Id="rId1" Type="http://schemas.openxmlformats.org/officeDocument/2006/relationships/printerSettings" Target="../printerSettings/printerSettings144.bin"/></Relationships>
</file>

<file path=xl/worksheets/_rels/sheet14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5.xml"/><Relationship Id="rId1" Type="http://schemas.openxmlformats.org/officeDocument/2006/relationships/printerSettings" Target="../printerSettings/printerSettings145.bin"/></Relationships>
</file>

<file path=xl/worksheets/_rels/sheet14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6.xml"/><Relationship Id="rId1" Type="http://schemas.openxmlformats.org/officeDocument/2006/relationships/printerSettings" Target="../printerSettings/printerSettings146.bin"/></Relationships>
</file>

<file path=xl/worksheets/_rels/sheet14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7.xml"/><Relationship Id="rId1" Type="http://schemas.openxmlformats.org/officeDocument/2006/relationships/printerSettings" Target="../printerSettings/printerSettings147.bin"/></Relationships>
</file>

<file path=xl/worksheets/_rels/sheet14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8.xml"/><Relationship Id="rId1" Type="http://schemas.openxmlformats.org/officeDocument/2006/relationships/printerSettings" Target="../printerSettings/printerSettings148.bin"/></Relationships>
</file>

<file path=xl/worksheets/_rels/sheet14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9.xml"/><Relationship Id="rId1" Type="http://schemas.openxmlformats.org/officeDocument/2006/relationships/printerSettings" Target="../printerSettings/printerSettings149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15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0.xml"/><Relationship Id="rId1" Type="http://schemas.openxmlformats.org/officeDocument/2006/relationships/printerSettings" Target="../printerSettings/printerSettings150.bin"/></Relationships>
</file>

<file path=xl/worksheets/_rels/sheet15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1.xml"/><Relationship Id="rId1" Type="http://schemas.openxmlformats.org/officeDocument/2006/relationships/printerSettings" Target="../printerSettings/printerSettings151.bin"/></Relationships>
</file>

<file path=xl/worksheets/_rels/sheet15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2.xml"/><Relationship Id="rId1" Type="http://schemas.openxmlformats.org/officeDocument/2006/relationships/printerSettings" Target="../printerSettings/printerSettings152.bin"/></Relationships>
</file>

<file path=xl/worksheets/_rels/sheet15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3.xml"/><Relationship Id="rId1" Type="http://schemas.openxmlformats.org/officeDocument/2006/relationships/printerSettings" Target="../printerSettings/printerSettings153.bin"/></Relationships>
</file>

<file path=xl/worksheets/_rels/sheet15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4.xml"/><Relationship Id="rId1" Type="http://schemas.openxmlformats.org/officeDocument/2006/relationships/printerSettings" Target="../printerSettings/printerSettings154.bin"/></Relationships>
</file>

<file path=xl/worksheets/_rels/sheet15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5.xml"/><Relationship Id="rId1" Type="http://schemas.openxmlformats.org/officeDocument/2006/relationships/printerSettings" Target="../printerSettings/printerSettings155.bin"/></Relationships>
</file>

<file path=xl/worksheets/_rels/sheet15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6.xml"/><Relationship Id="rId1" Type="http://schemas.openxmlformats.org/officeDocument/2006/relationships/printerSettings" Target="../printerSettings/printerSettings156.bin"/></Relationships>
</file>

<file path=xl/worksheets/_rels/sheet15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7.xml"/><Relationship Id="rId1" Type="http://schemas.openxmlformats.org/officeDocument/2006/relationships/printerSettings" Target="../printerSettings/printerSettings157.bin"/></Relationships>
</file>

<file path=xl/worksheets/_rels/sheet15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8.xml"/><Relationship Id="rId1" Type="http://schemas.openxmlformats.org/officeDocument/2006/relationships/printerSettings" Target="../printerSettings/printerSettings158.bin"/></Relationships>
</file>

<file path=xl/worksheets/_rels/sheet15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9.xml"/><Relationship Id="rId1" Type="http://schemas.openxmlformats.org/officeDocument/2006/relationships/printerSettings" Target="../printerSettings/printerSettings159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16.bin"/></Relationships>
</file>

<file path=xl/worksheets/_rels/sheet16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0.xml"/><Relationship Id="rId1" Type="http://schemas.openxmlformats.org/officeDocument/2006/relationships/printerSettings" Target="../printerSettings/printerSettings160.bin"/></Relationships>
</file>

<file path=xl/worksheets/_rels/sheet16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1.xml"/><Relationship Id="rId1" Type="http://schemas.openxmlformats.org/officeDocument/2006/relationships/printerSettings" Target="../printerSettings/printerSettings161.bin"/></Relationships>
</file>

<file path=xl/worksheets/_rels/sheet16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2.xml"/><Relationship Id="rId1" Type="http://schemas.openxmlformats.org/officeDocument/2006/relationships/printerSettings" Target="../printerSettings/printerSettings162.bin"/></Relationships>
</file>

<file path=xl/worksheets/_rels/sheet16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3.xml"/><Relationship Id="rId1" Type="http://schemas.openxmlformats.org/officeDocument/2006/relationships/printerSettings" Target="../printerSettings/printerSettings163.bin"/></Relationships>
</file>

<file path=xl/worksheets/_rels/sheet16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4.xml"/><Relationship Id="rId1" Type="http://schemas.openxmlformats.org/officeDocument/2006/relationships/printerSettings" Target="../printerSettings/printerSettings164.bin"/></Relationships>
</file>

<file path=xl/worksheets/_rels/sheet16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5.xml"/><Relationship Id="rId1" Type="http://schemas.openxmlformats.org/officeDocument/2006/relationships/printerSettings" Target="../printerSettings/printerSettings165.bin"/></Relationships>
</file>

<file path=xl/worksheets/_rels/sheet16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6.xml"/><Relationship Id="rId1" Type="http://schemas.openxmlformats.org/officeDocument/2006/relationships/printerSettings" Target="../printerSettings/printerSettings166.bin"/></Relationships>
</file>

<file path=xl/worksheets/_rels/sheet16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7.xml"/><Relationship Id="rId1" Type="http://schemas.openxmlformats.org/officeDocument/2006/relationships/printerSettings" Target="../printerSettings/printerSettings167.bin"/></Relationships>
</file>

<file path=xl/worksheets/_rels/sheet16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8.xml"/><Relationship Id="rId1" Type="http://schemas.openxmlformats.org/officeDocument/2006/relationships/printerSettings" Target="../printerSettings/printerSettings168.bin"/></Relationships>
</file>

<file path=xl/worksheets/_rels/sheet16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9.xml"/><Relationship Id="rId1" Type="http://schemas.openxmlformats.org/officeDocument/2006/relationships/printerSettings" Target="../printerSettings/printerSettings169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7.bin"/></Relationships>
</file>

<file path=xl/worksheets/_rels/sheet17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0.xml"/><Relationship Id="rId1" Type="http://schemas.openxmlformats.org/officeDocument/2006/relationships/printerSettings" Target="../printerSettings/printerSettings170.bin"/></Relationships>
</file>

<file path=xl/worksheets/_rels/sheet17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1.xml"/><Relationship Id="rId1" Type="http://schemas.openxmlformats.org/officeDocument/2006/relationships/printerSettings" Target="../printerSettings/printerSettings171.bin"/></Relationships>
</file>

<file path=xl/worksheets/_rels/sheet17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2.xml"/><Relationship Id="rId1" Type="http://schemas.openxmlformats.org/officeDocument/2006/relationships/printerSettings" Target="../printerSettings/printerSettings172.bin"/></Relationships>
</file>

<file path=xl/worksheets/_rels/sheet17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3.xml"/><Relationship Id="rId1" Type="http://schemas.openxmlformats.org/officeDocument/2006/relationships/printerSettings" Target="../printerSettings/printerSettings173.bin"/></Relationships>
</file>

<file path=xl/worksheets/_rels/sheet17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4.xml"/><Relationship Id="rId1" Type="http://schemas.openxmlformats.org/officeDocument/2006/relationships/printerSettings" Target="../printerSettings/printerSettings174.bin"/></Relationships>
</file>

<file path=xl/worksheets/_rels/sheet17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5.xml"/><Relationship Id="rId1" Type="http://schemas.openxmlformats.org/officeDocument/2006/relationships/printerSettings" Target="../printerSettings/printerSettings175.bin"/></Relationships>
</file>

<file path=xl/worksheets/_rels/sheet17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6.xml"/><Relationship Id="rId1" Type="http://schemas.openxmlformats.org/officeDocument/2006/relationships/printerSettings" Target="../printerSettings/printerSettings176.bin"/></Relationships>
</file>

<file path=xl/worksheets/_rels/sheet17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7.xml"/><Relationship Id="rId1" Type="http://schemas.openxmlformats.org/officeDocument/2006/relationships/printerSettings" Target="../printerSettings/printerSettings177.bin"/></Relationships>
</file>

<file path=xl/worksheets/_rels/sheet17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8.xml"/><Relationship Id="rId1" Type="http://schemas.openxmlformats.org/officeDocument/2006/relationships/printerSettings" Target="../printerSettings/printerSettings178.bin"/></Relationships>
</file>

<file path=xl/worksheets/_rels/sheet17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9.xml"/><Relationship Id="rId1" Type="http://schemas.openxmlformats.org/officeDocument/2006/relationships/printerSettings" Target="../printerSettings/printerSettings179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8.bin"/></Relationships>
</file>

<file path=xl/worksheets/_rels/sheet18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0.xml"/><Relationship Id="rId1" Type="http://schemas.openxmlformats.org/officeDocument/2006/relationships/printerSettings" Target="../printerSettings/printerSettings180.bin"/></Relationships>
</file>

<file path=xl/worksheets/_rels/sheet18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1.xml"/><Relationship Id="rId1" Type="http://schemas.openxmlformats.org/officeDocument/2006/relationships/printerSettings" Target="../printerSettings/printerSettings181.bin"/></Relationships>
</file>

<file path=xl/worksheets/_rels/sheet18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2.xml"/><Relationship Id="rId1" Type="http://schemas.openxmlformats.org/officeDocument/2006/relationships/printerSettings" Target="../printerSettings/printerSettings182.bin"/></Relationships>
</file>

<file path=xl/worksheets/_rels/sheet18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3.xml"/><Relationship Id="rId1" Type="http://schemas.openxmlformats.org/officeDocument/2006/relationships/printerSettings" Target="../printerSettings/printerSettings183.bin"/></Relationships>
</file>

<file path=xl/worksheets/_rels/sheet18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4.xml"/><Relationship Id="rId1" Type="http://schemas.openxmlformats.org/officeDocument/2006/relationships/printerSettings" Target="../printerSettings/printerSettings184.bin"/></Relationships>
</file>

<file path=xl/worksheets/_rels/sheet18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5.xml"/><Relationship Id="rId1" Type="http://schemas.openxmlformats.org/officeDocument/2006/relationships/printerSettings" Target="../printerSettings/printerSettings185.bin"/></Relationships>
</file>

<file path=xl/worksheets/_rels/sheet18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6.xml"/><Relationship Id="rId1" Type="http://schemas.openxmlformats.org/officeDocument/2006/relationships/printerSettings" Target="../printerSettings/printerSettings186.bin"/></Relationships>
</file>

<file path=xl/worksheets/_rels/sheet18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7.xml"/><Relationship Id="rId1" Type="http://schemas.openxmlformats.org/officeDocument/2006/relationships/printerSettings" Target="../printerSettings/printerSettings187.bin"/></Relationships>
</file>

<file path=xl/worksheets/_rels/sheet18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8.xml"/><Relationship Id="rId1" Type="http://schemas.openxmlformats.org/officeDocument/2006/relationships/printerSettings" Target="../printerSettings/printerSettings188.bin"/></Relationships>
</file>

<file path=xl/worksheets/_rels/sheet18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9.xml"/><Relationship Id="rId1" Type="http://schemas.openxmlformats.org/officeDocument/2006/relationships/printerSettings" Target="../printerSettings/printerSettings189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9.bin"/></Relationships>
</file>

<file path=xl/worksheets/_rels/sheet19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0.xml"/><Relationship Id="rId1" Type="http://schemas.openxmlformats.org/officeDocument/2006/relationships/printerSettings" Target="../printerSettings/printerSettings190.bin"/></Relationships>
</file>

<file path=xl/worksheets/_rels/sheet19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1.xml"/><Relationship Id="rId1" Type="http://schemas.openxmlformats.org/officeDocument/2006/relationships/printerSettings" Target="../printerSettings/printerSettings191.bin"/></Relationships>
</file>

<file path=xl/worksheets/_rels/sheet19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2.xml"/><Relationship Id="rId1" Type="http://schemas.openxmlformats.org/officeDocument/2006/relationships/printerSettings" Target="../printerSettings/printerSettings192.bin"/></Relationships>
</file>

<file path=xl/worksheets/_rels/sheet19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3.xml"/><Relationship Id="rId1" Type="http://schemas.openxmlformats.org/officeDocument/2006/relationships/printerSettings" Target="../printerSettings/printerSettings193.bin"/></Relationships>
</file>

<file path=xl/worksheets/_rels/sheet19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4.xml"/><Relationship Id="rId1" Type="http://schemas.openxmlformats.org/officeDocument/2006/relationships/printerSettings" Target="../printerSettings/printerSettings194.bin"/></Relationships>
</file>

<file path=xl/worksheets/_rels/sheet19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5.xml"/><Relationship Id="rId1" Type="http://schemas.openxmlformats.org/officeDocument/2006/relationships/printerSettings" Target="../printerSettings/printerSettings195.bin"/></Relationships>
</file>

<file path=xl/worksheets/_rels/sheet19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6.xml"/><Relationship Id="rId1" Type="http://schemas.openxmlformats.org/officeDocument/2006/relationships/printerSettings" Target="../printerSettings/printerSettings196.bin"/></Relationships>
</file>

<file path=xl/worksheets/_rels/sheet19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7.xml"/><Relationship Id="rId1" Type="http://schemas.openxmlformats.org/officeDocument/2006/relationships/printerSettings" Target="../printerSettings/printerSettings197.bin"/></Relationships>
</file>

<file path=xl/worksheets/_rels/sheet19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8.xml"/><Relationship Id="rId1" Type="http://schemas.openxmlformats.org/officeDocument/2006/relationships/printerSettings" Target="../printerSettings/printerSettings198.bin"/></Relationships>
</file>

<file path=xl/worksheets/_rels/sheet19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9.xml"/><Relationship Id="rId1" Type="http://schemas.openxmlformats.org/officeDocument/2006/relationships/printerSettings" Target="../printerSettings/printerSettings19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20.bin"/></Relationships>
</file>

<file path=xl/worksheets/_rels/sheet20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0.xml"/><Relationship Id="rId1" Type="http://schemas.openxmlformats.org/officeDocument/2006/relationships/printerSettings" Target="../printerSettings/printerSettings200.bin"/></Relationships>
</file>

<file path=xl/worksheets/_rels/sheet20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1.xml"/><Relationship Id="rId1" Type="http://schemas.openxmlformats.org/officeDocument/2006/relationships/printerSettings" Target="../printerSettings/printerSettings201.bin"/></Relationships>
</file>

<file path=xl/worksheets/_rels/sheet20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2.xml"/><Relationship Id="rId1" Type="http://schemas.openxmlformats.org/officeDocument/2006/relationships/printerSettings" Target="../printerSettings/printerSettings202.bin"/></Relationships>
</file>

<file path=xl/worksheets/_rels/sheet20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3.xml"/><Relationship Id="rId1" Type="http://schemas.openxmlformats.org/officeDocument/2006/relationships/printerSettings" Target="../printerSettings/printerSettings203.bin"/></Relationships>
</file>

<file path=xl/worksheets/_rels/sheet20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4.xml"/><Relationship Id="rId1" Type="http://schemas.openxmlformats.org/officeDocument/2006/relationships/printerSettings" Target="../printerSettings/printerSettings204.bin"/></Relationships>
</file>

<file path=xl/worksheets/_rels/sheet20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5.xml"/><Relationship Id="rId1" Type="http://schemas.openxmlformats.org/officeDocument/2006/relationships/printerSettings" Target="../printerSettings/printerSettings205.bin"/></Relationships>
</file>

<file path=xl/worksheets/_rels/sheet20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6.xml"/><Relationship Id="rId1" Type="http://schemas.openxmlformats.org/officeDocument/2006/relationships/printerSettings" Target="../printerSettings/printerSettings206.bin"/></Relationships>
</file>

<file path=xl/worksheets/_rels/sheet20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7.xml"/><Relationship Id="rId1" Type="http://schemas.openxmlformats.org/officeDocument/2006/relationships/printerSettings" Target="../printerSettings/printerSettings207.bin"/></Relationships>
</file>

<file path=xl/worksheets/_rels/sheet20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8.xml"/><Relationship Id="rId1" Type="http://schemas.openxmlformats.org/officeDocument/2006/relationships/printerSettings" Target="../printerSettings/printerSettings208.bin"/></Relationships>
</file>

<file path=xl/worksheets/_rels/sheet20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9.xml"/><Relationship Id="rId1" Type="http://schemas.openxmlformats.org/officeDocument/2006/relationships/printerSettings" Target="../printerSettings/printerSettings209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21.bin"/></Relationships>
</file>

<file path=xl/worksheets/_rels/sheet2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0.xml"/><Relationship Id="rId1" Type="http://schemas.openxmlformats.org/officeDocument/2006/relationships/printerSettings" Target="../printerSettings/printerSettings210.bin"/></Relationships>
</file>

<file path=xl/worksheets/_rels/sheet2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1.xml"/><Relationship Id="rId1" Type="http://schemas.openxmlformats.org/officeDocument/2006/relationships/printerSettings" Target="../printerSettings/printerSettings211.bin"/></Relationships>
</file>

<file path=xl/worksheets/_rels/sheet2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2.xml"/><Relationship Id="rId1" Type="http://schemas.openxmlformats.org/officeDocument/2006/relationships/printerSettings" Target="../printerSettings/printerSettings212.bin"/></Relationships>
</file>

<file path=xl/worksheets/_rels/sheet2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3.xml"/><Relationship Id="rId1" Type="http://schemas.openxmlformats.org/officeDocument/2006/relationships/printerSettings" Target="../printerSettings/printerSettings213.bin"/></Relationships>
</file>

<file path=xl/worksheets/_rels/sheet2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4.xml"/><Relationship Id="rId1" Type="http://schemas.openxmlformats.org/officeDocument/2006/relationships/printerSettings" Target="../printerSettings/printerSettings214.bin"/></Relationships>
</file>

<file path=xl/worksheets/_rels/sheet2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5.xml"/><Relationship Id="rId1" Type="http://schemas.openxmlformats.org/officeDocument/2006/relationships/printerSettings" Target="../printerSettings/printerSettings215.bin"/></Relationships>
</file>

<file path=xl/worksheets/_rels/sheet2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6.xml"/><Relationship Id="rId1" Type="http://schemas.openxmlformats.org/officeDocument/2006/relationships/printerSettings" Target="../printerSettings/printerSettings216.bin"/></Relationships>
</file>

<file path=xl/worksheets/_rels/sheet2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7.xml"/><Relationship Id="rId1" Type="http://schemas.openxmlformats.org/officeDocument/2006/relationships/printerSettings" Target="../printerSettings/printerSettings217.bin"/></Relationships>
</file>

<file path=xl/worksheets/_rels/sheet2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8.xml"/><Relationship Id="rId1" Type="http://schemas.openxmlformats.org/officeDocument/2006/relationships/printerSettings" Target="../printerSettings/printerSettings218.bin"/></Relationships>
</file>

<file path=xl/worksheets/_rels/sheet2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9.xml"/><Relationship Id="rId1" Type="http://schemas.openxmlformats.org/officeDocument/2006/relationships/printerSettings" Target="../printerSettings/printerSettings219.bin"/></Relationships>
</file>

<file path=xl/worksheets/_rels/sheet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.xml"/><Relationship Id="rId1" Type="http://schemas.openxmlformats.org/officeDocument/2006/relationships/printerSettings" Target="../printerSettings/printerSettings22.bin"/></Relationships>
</file>

<file path=xl/worksheets/_rels/sheet2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0.xml"/><Relationship Id="rId1" Type="http://schemas.openxmlformats.org/officeDocument/2006/relationships/printerSettings" Target="../printerSettings/printerSettings220.bin"/></Relationships>
</file>

<file path=xl/worksheets/_rels/sheet2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1.xml"/><Relationship Id="rId1" Type="http://schemas.openxmlformats.org/officeDocument/2006/relationships/printerSettings" Target="../printerSettings/printerSettings221.bin"/></Relationships>
</file>

<file path=xl/worksheets/_rels/sheet2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2.xml"/><Relationship Id="rId1" Type="http://schemas.openxmlformats.org/officeDocument/2006/relationships/printerSettings" Target="../printerSettings/printerSettings222.bin"/></Relationships>
</file>

<file path=xl/worksheets/_rels/sheet2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3.xml"/><Relationship Id="rId1" Type="http://schemas.openxmlformats.org/officeDocument/2006/relationships/printerSettings" Target="../printerSettings/printerSettings223.bin"/></Relationships>
</file>

<file path=xl/worksheets/_rels/sheet2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4.xml"/><Relationship Id="rId1" Type="http://schemas.openxmlformats.org/officeDocument/2006/relationships/printerSettings" Target="../printerSettings/printerSettings224.bin"/></Relationships>
</file>

<file path=xl/worksheets/_rels/sheet2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5.xml"/><Relationship Id="rId1" Type="http://schemas.openxmlformats.org/officeDocument/2006/relationships/printerSettings" Target="../printerSettings/printerSettings225.bin"/></Relationships>
</file>

<file path=xl/worksheets/_rels/sheet2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6.xml"/><Relationship Id="rId1" Type="http://schemas.openxmlformats.org/officeDocument/2006/relationships/printerSettings" Target="../printerSettings/printerSettings226.bin"/></Relationships>
</file>

<file path=xl/worksheets/_rels/sheet2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7.xml"/><Relationship Id="rId1" Type="http://schemas.openxmlformats.org/officeDocument/2006/relationships/printerSettings" Target="../printerSettings/printerSettings227.bin"/></Relationships>
</file>

<file path=xl/worksheets/_rels/sheet2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8.xml"/><Relationship Id="rId1" Type="http://schemas.openxmlformats.org/officeDocument/2006/relationships/printerSettings" Target="../printerSettings/printerSettings228.bin"/></Relationships>
</file>

<file path=xl/worksheets/_rels/sheet2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9.xml"/><Relationship Id="rId1" Type="http://schemas.openxmlformats.org/officeDocument/2006/relationships/printerSettings" Target="../printerSettings/printerSettings229.bin"/></Relationships>
</file>

<file path=xl/worksheets/_rels/sheet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.xml"/><Relationship Id="rId1" Type="http://schemas.openxmlformats.org/officeDocument/2006/relationships/printerSettings" Target="../printerSettings/printerSettings23.bin"/></Relationships>
</file>

<file path=xl/worksheets/_rels/sheet2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0.xml"/><Relationship Id="rId1" Type="http://schemas.openxmlformats.org/officeDocument/2006/relationships/printerSettings" Target="../printerSettings/printerSettings230.bin"/></Relationships>
</file>

<file path=xl/worksheets/_rels/sheet2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1.xml"/><Relationship Id="rId1" Type="http://schemas.openxmlformats.org/officeDocument/2006/relationships/printerSettings" Target="../printerSettings/printerSettings231.bin"/></Relationships>
</file>

<file path=xl/worksheets/_rels/sheet2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2.xml"/><Relationship Id="rId1" Type="http://schemas.openxmlformats.org/officeDocument/2006/relationships/printerSettings" Target="../printerSettings/printerSettings232.bin"/></Relationships>
</file>

<file path=xl/worksheets/_rels/sheet2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3.xml"/><Relationship Id="rId1" Type="http://schemas.openxmlformats.org/officeDocument/2006/relationships/printerSettings" Target="../printerSettings/printerSettings233.bin"/></Relationships>
</file>

<file path=xl/worksheets/_rels/sheet2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4.xml"/><Relationship Id="rId1" Type="http://schemas.openxmlformats.org/officeDocument/2006/relationships/printerSettings" Target="../printerSettings/printerSettings234.bin"/></Relationships>
</file>

<file path=xl/worksheets/_rels/sheet2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5.xml"/><Relationship Id="rId1" Type="http://schemas.openxmlformats.org/officeDocument/2006/relationships/printerSettings" Target="../printerSettings/printerSettings235.bin"/></Relationships>
</file>

<file path=xl/worksheets/_rels/sheet2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6.xml"/><Relationship Id="rId1" Type="http://schemas.openxmlformats.org/officeDocument/2006/relationships/printerSettings" Target="../printerSettings/printerSettings236.bin"/></Relationships>
</file>

<file path=xl/worksheets/_rels/sheet2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7.xml"/><Relationship Id="rId1" Type="http://schemas.openxmlformats.org/officeDocument/2006/relationships/printerSettings" Target="../printerSettings/printerSettings237.bin"/></Relationships>
</file>

<file path=xl/worksheets/_rels/sheet2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8.xml"/><Relationship Id="rId1" Type="http://schemas.openxmlformats.org/officeDocument/2006/relationships/printerSettings" Target="../printerSettings/printerSettings238.bin"/></Relationships>
</file>

<file path=xl/worksheets/_rels/sheet2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9.xml"/><Relationship Id="rId1" Type="http://schemas.openxmlformats.org/officeDocument/2006/relationships/printerSettings" Target="../printerSettings/printerSettings239.bin"/></Relationships>
</file>

<file path=xl/worksheets/_rels/sheet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.xml"/><Relationship Id="rId1" Type="http://schemas.openxmlformats.org/officeDocument/2006/relationships/printerSettings" Target="../printerSettings/printerSettings24.bin"/></Relationships>
</file>

<file path=xl/worksheets/_rels/sheet2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0.xml"/><Relationship Id="rId1" Type="http://schemas.openxmlformats.org/officeDocument/2006/relationships/printerSettings" Target="../printerSettings/printerSettings240.bin"/></Relationships>
</file>

<file path=xl/worksheets/_rels/sheet2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1.xml"/><Relationship Id="rId1" Type="http://schemas.openxmlformats.org/officeDocument/2006/relationships/printerSettings" Target="../printerSettings/printerSettings241.bin"/></Relationships>
</file>

<file path=xl/worksheets/_rels/sheet2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2.xml"/><Relationship Id="rId1" Type="http://schemas.openxmlformats.org/officeDocument/2006/relationships/printerSettings" Target="../printerSettings/printerSettings242.bin"/></Relationships>
</file>

<file path=xl/worksheets/_rels/sheet24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3.xml"/><Relationship Id="rId1" Type="http://schemas.openxmlformats.org/officeDocument/2006/relationships/printerSettings" Target="../printerSettings/printerSettings243.bin"/></Relationships>
</file>

<file path=xl/worksheets/_rels/sheet24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4.xml"/><Relationship Id="rId1" Type="http://schemas.openxmlformats.org/officeDocument/2006/relationships/printerSettings" Target="../printerSettings/printerSettings244.bin"/></Relationships>
</file>

<file path=xl/worksheets/_rels/sheet24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5.xml"/><Relationship Id="rId1" Type="http://schemas.openxmlformats.org/officeDocument/2006/relationships/printerSettings" Target="../printerSettings/printerSettings245.bin"/></Relationships>
</file>

<file path=xl/worksheets/_rels/sheet24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6.xml"/><Relationship Id="rId1" Type="http://schemas.openxmlformats.org/officeDocument/2006/relationships/printerSettings" Target="../printerSettings/printerSettings246.bin"/></Relationships>
</file>

<file path=xl/worksheets/_rels/sheet24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7.xml"/><Relationship Id="rId1" Type="http://schemas.openxmlformats.org/officeDocument/2006/relationships/printerSettings" Target="../printerSettings/printerSettings247.bin"/></Relationships>
</file>

<file path=xl/worksheets/_rels/sheet24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8.xml"/><Relationship Id="rId1" Type="http://schemas.openxmlformats.org/officeDocument/2006/relationships/printerSettings" Target="../printerSettings/printerSettings248.bin"/></Relationships>
</file>

<file path=xl/worksheets/_rels/sheet24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9.xml"/><Relationship Id="rId1" Type="http://schemas.openxmlformats.org/officeDocument/2006/relationships/printerSettings" Target="../printerSettings/printerSettings249.bin"/></Relationships>
</file>

<file path=xl/worksheets/_rels/sheet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.xml"/><Relationship Id="rId1" Type="http://schemas.openxmlformats.org/officeDocument/2006/relationships/printerSettings" Target="../printerSettings/printerSettings25.bin"/></Relationships>
</file>

<file path=xl/worksheets/_rels/sheet25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0.xml"/><Relationship Id="rId1" Type="http://schemas.openxmlformats.org/officeDocument/2006/relationships/printerSettings" Target="../printerSettings/printerSettings250.bin"/></Relationships>
</file>

<file path=xl/worksheets/_rels/sheet25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1.xml"/><Relationship Id="rId1" Type="http://schemas.openxmlformats.org/officeDocument/2006/relationships/printerSettings" Target="../printerSettings/printerSettings251.bin"/></Relationships>
</file>

<file path=xl/worksheets/_rels/sheet25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2.xml"/><Relationship Id="rId1" Type="http://schemas.openxmlformats.org/officeDocument/2006/relationships/printerSettings" Target="../printerSettings/printerSettings252.bin"/></Relationships>
</file>

<file path=xl/worksheets/_rels/sheet25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3.xml"/><Relationship Id="rId1" Type="http://schemas.openxmlformats.org/officeDocument/2006/relationships/printerSettings" Target="../printerSettings/printerSettings253.bin"/></Relationships>
</file>

<file path=xl/worksheets/_rels/sheet25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4.xml"/><Relationship Id="rId1" Type="http://schemas.openxmlformats.org/officeDocument/2006/relationships/printerSettings" Target="../printerSettings/printerSettings254.bin"/></Relationships>
</file>

<file path=xl/worksheets/_rels/sheet25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5.xml"/><Relationship Id="rId1" Type="http://schemas.openxmlformats.org/officeDocument/2006/relationships/printerSettings" Target="../printerSettings/printerSettings255.bin"/></Relationships>
</file>

<file path=xl/worksheets/_rels/sheet25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6.xml"/><Relationship Id="rId1" Type="http://schemas.openxmlformats.org/officeDocument/2006/relationships/printerSettings" Target="../printerSettings/printerSettings256.bin"/></Relationships>
</file>

<file path=xl/worksheets/_rels/sheet25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7.xml"/><Relationship Id="rId1" Type="http://schemas.openxmlformats.org/officeDocument/2006/relationships/printerSettings" Target="../printerSettings/printerSettings257.bin"/></Relationships>
</file>

<file path=xl/worksheets/_rels/sheet25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8.xml"/><Relationship Id="rId1" Type="http://schemas.openxmlformats.org/officeDocument/2006/relationships/printerSettings" Target="../printerSettings/printerSettings258.bin"/></Relationships>
</file>

<file path=xl/worksheets/_rels/sheet25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59.xml"/><Relationship Id="rId1" Type="http://schemas.openxmlformats.org/officeDocument/2006/relationships/printerSettings" Target="../printerSettings/printerSettings259.bin"/></Relationships>
</file>

<file path=xl/worksheets/_rels/sheet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.xml"/><Relationship Id="rId1" Type="http://schemas.openxmlformats.org/officeDocument/2006/relationships/printerSettings" Target="../printerSettings/printerSettings26.bin"/></Relationships>
</file>

<file path=xl/worksheets/_rels/sheet26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0.xml"/><Relationship Id="rId1" Type="http://schemas.openxmlformats.org/officeDocument/2006/relationships/printerSettings" Target="../printerSettings/printerSettings260.bin"/></Relationships>
</file>

<file path=xl/worksheets/_rels/sheet26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1.xml"/><Relationship Id="rId1" Type="http://schemas.openxmlformats.org/officeDocument/2006/relationships/printerSettings" Target="../printerSettings/printerSettings261.bin"/></Relationships>
</file>

<file path=xl/worksheets/_rels/sheet26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2.xml"/><Relationship Id="rId1" Type="http://schemas.openxmlformats.org/officeDocument/2006/relationships/printerSettings" Target="../printerSettings/printerSettings262.bin"/></Relationships>
</file>

<file path=xl/worksheets/_rels/sheet26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3.xml"/><Relationship Id="rId1" Type="http://schemas.openxmlformats.org/officeDocument/2006/relationships/printerSettings" Target="../printerSettings/printerSettings263.bin"/></Relationships>
</file>

<file path=xl/worksheets/_rels/sheet26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4.xml"/><Relationship Id="rId1" Type="http://schemas.openxmlformats.org/officeDocument/2006/relationships/printerSettings" Target="../printerSettings/printerSettings264.bin"/></Relationships>
</file>

<file path=xl/worksheets/_rels/sheet26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5.xml"/><Relationship Id="rId1" Type="http://schemas.openxmlformats.org/officeDocument/2006/relationships/printerSettings" Target="../printerSettings/printerSettings265.bin"/></Relationships>
</file>

<file path=xl/worksheets/_rels/sheet26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6.xml"/><Relationship Id="rId1" Type="http://schemas.openxmlformats.org/officeDocument/2006/relationships/printerSettings" Target="../printerSettings/printerSettings266.bin"/></Relationships>
</file>

<file path=xl/worksheets/_rels/sheet26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7.xml"/><Relationship Id="rId1" Type="http://schemas.openxmlformats.org/officeDocument/2006/relationships/printerSettings" Target="../printerSettings/printerSettings267.bin"/></Relationships>
</file>

<file path=xl/worksheets/_rels/sheet26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8.xml"/><Relationship Id="rId1" Type="http://schemas.openxmlformats.org/officeDocument/2006/relationships/printerSettings" Target="../printerSettings/printerSettings268.bin"/></Relationships>
</file>

<file path=xl/worksheets/_rels/sheet26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9.xml"/><Relationship Id="rId1" Type="http://schemas.openxmlformats.org/officeDocument/2006/relationships/printerSettings" Target="../printerSettings/printerSettings269.bin"/></Relationships>
</file>

<file path=xl/worksheets/_rels/sheet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.xml"/><Relationship Id="rId1" Type="http://schemas.openxmlformats.org/officeDocument/2006/relationships/printerSettings" Target="../printerSettings/printerSettings27.bin"/></Relationships>
</file>

<file path=xl/worksheets/_rels/sheet27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0.xml"/><Relationship Id="rId1" Type="http://schemas.openxmlformats.org/officeDocument/2006/relationships/printerSettings" Target="../printerSettings/printerSettings270.bin"/></Relationships>
</file>

<file path=xl/worksheets/_rels/sheet27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1.xml"/><Relationship Id="rId1" Type="http://schemas.openxmlformats.org/officeDocument/2006/relationships/printerSettings" Target="../printerSettings/printerSettings271.bin"/></Relationships>
</file>

<file path=xl/worksheets/_rels/sheet27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2.xml"/><Relationship Id="rId1" Type="http://schemas.openxmlformats.org/officeDocument/2006/relationships/printerSettings" Target="../printerSettings/printerSettings272.bin"/></Relationships>
</file>

<file path=xl/worksheets/_rels/sheet27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3.xml"/><Relationship Id="rId1" Type="http://schemas.openxmlformats.org/officeDocument/2006/relationships/printerSettings" Target="../printerSettings/printerSettings273.bin"/></Relationships>
</file>

<file path=xl/worksheets/_rels/sheet27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4.xml"/><Relationship Id="rId1" Type="http://schemas.openxmlformats.org/officeDocument/2006/relationships/printerSettings" Target="../printerSettings/printerSettings274.bin"/></Relationships>
</file>

<file path=xl/worksheets/_rels/sheet27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5.xml"/><Relationship Id="rId1" Type="http://schemas.openxmlformats.org/officeDocument/2006/relationships/printerSettings" Target="../printerSettings/printerSettings275.bin"/></Relationships>
</file>

<file path=xl/worksheets/_rels/sheet27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6.xml"/><Relationship Id="rId1" Type="http://schemas.openxmlformats.org/officeDocument/2006/relationships/printerSettings" Target="../printerSettings/printerSettings276.bin"/></Relationships>
</file>

<file path=xl/worksheets/_rels/sheet27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7.xml"/><Relationship Id="rId1" Type="http://schemas.openxmlformats.org/officeDocument/2006/relationships/printerSettings" Target="../printerSettings/printerSettings277.bin"/></Relationships>
</file>

<file path=xl/worksheets/_rels/sheet27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8.xml"/><Relationship Id="rId1" Type="http://schemas.openxmlformats.org/officeDocument/2006/relationships/printerSettings" Target="../printerSettings/printerSettings278.bin"/></Relationships>
</file>

<file path=xl/worksheets/_rels/sheet27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79.xml"/><Relationship Id="rId1" Type="http://schemas.openxmlformats.org/officeDocument/2006/relationships/printerSettings" Target="../printerSettings/printerSettings279.bin"/></Relationships>
</file>

<file path=xl/worksheets/_rels/sheet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.xml"/><Relationship Id="rId1" Type="http://schemas.openxmlformats.org/officeDocument/2006/relationships/printerSettings" Target="../printerSettings/printerSettings28.bin"/></Relationships>
</file>

<file path=xl/worksheets/_rels/sheet28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0.xml"/><Relationship Id="rId1" Type="http://schemas.openxmlformats.org/officeDocument/2006/relationships/printerSettings" Target="../printerSettings/printerSettings280.bin"/></Relationships>
</file>

<file path=xl/worksheets/_rels/sheet28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1.xml"/><Relationship Id="rId1" Type="http://schemas.openxmlformats.org/officeDocument/2006/relationships/printerSettings" Target="../printerSettings/printerSettings281.bin"/></Relationships>
</file>

<file path=xl/worksheets/_rels/sheet28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2.xml"/><Relationship Id="rId1" Type="http://schemas.openxmlformats.org/officeDocument/2006/relationships/printerSettings" Target="../printerSettings/printerSettings282.bin"/></Relationships>
</file>

<file path=xl/worksheets/_rels/sheet28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3.xml"/><Relationship Id="rId1" Type="http://schemas.openxmlformats.org/officeDocument/2006/relationships/printerSettings" Target="../printerSettings/printerSettings283.bin"/></Relationships>
</file>

<file path=xl/worksheets/_rels/sheet28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4.xml"/><Relationship Id="rId1" Type="http://schemas.openxmlformats.org/officeDocument/2006/relationships/printerSettings" Target="../printerSettings/printerSettings284.bin"/></Relationships>
</file>

<file path=xl/worksheets/_rels/sheet28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5.xml"/><Relationship Id="rId1" Type="http://schemas.openxmlformats.org/officeDocument/2006/relationships/printerSettings" Target="../printerSettings/printerSettings285.bin"/></Relationships>
</file>

<file path=xl/worksheets/_rels/sheet28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6.xml"/><Relationship Id="rId1" Type="http://schemas.openxmlformats.org/officeDocument/2006/relationships/printerSettings" Target="../printerSettings/printerSettings286.bin"/></Relationships>
</file>

<file path=xl/worksheets/_rels/sheet28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7.xml"/><Relationship Id="rId1" Type="http://schemas.openxmlformats.org/officeDocument/2006/relationships/printerSettings" Target="../printerSettings/printerSettings287.bin"/></Relationships>
</file>

<file path=xl/worksheets/_rels/sheet28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8.xml"/><Relationship Id="rId1" Type="http://schemas.openxmlformats.org/officeDocument/2006/relationships/printerSettings" Target="../printerSettings/printerSettings288.bin"/></Relationships>
</file>

<file path=xl/worksheets/_rels/sheet28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9.xml"/><Relationship Id="rId1" Type="http://schemas.openxmlformats.org/officeDocument/2006/relationships/printerSettings" Target="../printerSettings/printerSettings289.bin"/></Relationships>
</file>

<file path=xl/worksheets/_rels/sheet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.xml"/><Relationship Id="rId1" Type="http://schemas.openxmlformats.org/officeDocument/2006/relationships/printerSettings" Target="../printerSettings/printerSettings29.bin"/></Relationships>
</file>

<file path=xl/worksheets/_rels/sheet29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0.xml"/><Relationship Id="rId1" Type="http://schemas.openxmlformats.org/officeDocument/2006/relationships/printerSettings" Target="../printerSettings/printerSettings290.bin"/></Relationships>
</file>

<file path=xl/worksheets/_rels/sheet29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1.xml"/><Relationship Id="rId1" Type="http://schemas.openxmlformats.org/officeDocument/2006/relationships/printerSettings" Target="../printerSettings/printerSettings291.bin"/></Relationships>
</file>

<file path=xl/worksheets/_rels/sheet29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2.xml"/><Relationship Id="rId1" Type="http://schemas.openxmlformats.org/officeDocument/2006/relationships/printerSettings" Target="../printerSettings/printerSettings292.bin"/></Relationships>
</file>

<file path=xl/worksheets/_rels/sheet29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3.xml"/><Relationship Id="rId1" Type="http://schemas.openxmlformats.org/officeDocument/2006/relationships/printerSettings" Target="../printerSettings/printerSettings293.bin"/></Relationships>
</file>

<file path=xl/worksheets/_rels/sheet29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4.xml"/><Relationship Id="rId1" Type="http://schemas.openxmlformats.org/officeDocument/2006/relationships/printerSettings" Target="../printerSettings/printerSettings294.bin"/></Relationships>
</file>

<file path=xl/worksheets/_rels/sheet29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5.xml"/><Relationship Id="rId1" Type="http://schemas.openxmlformats.org/officeDocument/2006/relationships/printerSettings" Target="../printerSettings/printerSettings295.bin"/></Relationships>
</file>

<file path=xl/worksheets/_rels/sheet29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6.xml"/><Relationship Id="rId1" Type="http://schemas.openxmlformats.org/officeDocument/2006/relationships/printerSettings" Target="../printerSettings/printerSettings296.bin"/></Relationships>
</file>

<file path=xl/worksheets/_rels/sheet29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7.xml"/><Relationship Id="rId1" Type="http://schemas.openxmlformats.org/officeDocument/2006/relationships/printerSettings" Target="../printerSettings/printerSettings297.bin"/></Relationships>
</file>

<file path=xl/worksheets/_rels/sheet29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8.xml"/><Relationship Id="rId1" Type="http://schemas.openxmlformats.org/officeDocument/2006/relationships/printerSettings" Target="../printerSettings/printerSettings298.bin"/></Relationships>
</file>

<file path=xl/worksheets/_rels/sheet29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99.xml"/><Relationship Id="rId1" Type="http://schemas.openxmlformats.org/officeDocument/2006/relationships/printerSettings" Target="../printerSettings/printerSettings299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.xml"/><Relationship Id="rId1" Type="http://schemas.openxmlformats.org/officeDocument/2006/relationships/printerSettings" Target="../printerSettings/printerSettings30.bin"/></Relationships>
</file>

<file path=xl/worksheets/_rels/sheet30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0.xml"/><Relationship Id="rId1" Type="http://schemas.openxmlformats.org/officeDocument/2006/relationships/printerSettings" Target="../printerSettings/printerSettings300.bin"/></Relationships>
</file>

<file path=xl/worksheets/_rels/sheet30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1.xml"/><Relationship Id="rId1" Type="http://schemas.openxmlformats.org/officeDocument/2006/relationships/printerSettings" Target="../printerSettings/printerSettings301.bin"/></Relationships>
</file>

<file path=xl/worksheets/_rels/sheet30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2.xml"/><Relationship Id="rId1" Type="http://schemas.openxmlformats.org/officeDocument/2006/relationships/printerSettings" Target="../printerSettings/printerSettings302.bin"/></Relationships>
</file>

<file path=xl/worksheets/_rels/sheet30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3.xml"/><Relationship Id="rId1" Type="http://schemas.openxmlformats.org/officeDocument/2006/relationships/printerSettings" Target="../printerSettings/printerSettings303.bin"/></Relationships>
</file>

<file path=xl/worksheets/_rels/sheet30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4.xml"/><Relationship Id="rId1" Type="http://schemas.openxmlformats.org/officeDocument/2006/relationships/printerSettings" Target="../printerSettings/printerSettings304.bin"/></Relationships>
</file>

<file path=xl/worksheets/_rels/sheet30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5.xml"/><Relationship Id="rId1" Type="http://schemas.openxmlformats.org/officeDocument/2006/relationships/printerSettings" Target="../printerSettings/printerSettings305.bin"/></Relationships>
</file>

<file path=xl/worksheets/_rels/sheet30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6.xml"/><Relationship Id="rId1" Type="http://schemas.openxmlformats.org/officeDocument/2006/relationships/printerSettings" Target="../printerSettings/printerSettings306.bin"/></Relationships>
</file>

<file path=xl/worksheets/_rels/sheet30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7.xml"/><Relationship Id="rId1" Type="http://schemas.openxmlformats.org/officeDocument/2006/relationships/printerSettings" Target="../printerSettings/printerSettings307.bin"/></Relationships>
</file>

<file path=xl/worksheets/_rels/sheet30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8.xml"/><Relationship Id="rId1" Type="http://schemas.openxmlformats.org/officeDocument/2006/relationships/printerSettings" Target="../printerSettings/printerSettings308.bin"/></Relationships>
</file>

<file path=xl/worksheets/_rels/sheet30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9.xml"/><Relationship Id="rId1" Type="http://schemas.openxmlformats.org/officeDocument/2006/relationships/printerSettings" Target="../printerSettings/printerSettings309.bin"/></Relationships>
</file>

<file path=xl/worksheets/_rels/sheet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.xml"/><Relationship Id="rId1" Type="http://schemas.openxmlformats.org/officeDocument/2006/relationships/printerSettings" Target="../printerSettings/printerSettings31.bin"/></Relationships>
</file>

<file path=xl/worksheets/_rels/sheet3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0.xml"/><Relationship Id="rId1" Type="http://schemas.openxmlformats.org/officeDocument/2006/relationships/printerSettings" Target="../printerSettings/printerSettings310.bin"/></Relationships>
</file>

<file path=xl/worksheets/_rels/sheet3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1.xml"/><Relationship Id="rId1" Type="http://schemas.openxmlformats.org/officeDocument/2006/relationships/printerSettings" Target="../printerSettings/printerSettings311.bin"/></Relationships>
</file>

<file path=xl/worksheets/_rels/sheet3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2.xml"/><Relationship Id="rId1" Type="http://schemas.openxmlformats.org/officeDocument/2006/relationships/printerSettings" Target="../printerSettings/printerSettings312.bin"/></Relationships>
</file>

<file path=xl/worksheets/_rels/sheet3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3.xml"/><Relationship Id="rId1" Type="http://schemas.openxmlformats.org/officeDocument/2006/relationships/printerSettings" Target="../printerSettings/printerSettings313.bin"/></Relationships>
</file>

<file path=xl/worksheets/_rels/sheet3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4.xml"/><Relationship Id="rId1" Type="http://schemas.openxmlformats.org/officeDocument/2006/relationships/printerSettings" Target="../printerSettings/printerSettings314.bin"/></Relationships>
</file>

<file path=xl/worksheets/_rels/sheet3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5.xml"/><Relationship Id="rId1" Type="http://schemas.openxmlformats.org/officeDocument/2006/relationships/printerSettings" Target="../printerSettings/printerSettings315.bin"/></Relationships>
</file>

<file path=xl/worksheets/_rels/sheet3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6.xml"/><Relationship Id="rId1" Type="http://schemas.openxmlformats.org/officeDocument/2006/relationships/printerSettings" Target="../printerSettings/printerSettings316.bin"/></Relationships>
</file>

<file path=xl/worksheets/_rels/sheet3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7.xml"/><Relationship Id="rId1" Type="http://schemas.openxmlformats.org/officeDocument/2006/relationships/printerSettings" Target="../printerSettings/printerSettings317.bin"/></Relationships>
</file>

<file path=xl/worksheets/_rels/sheet3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8.xml"/><Relationship Id="rId1" Type="http://schemas.openxmlformats.org/officeDocument/2006/relationships/printerSettings" Target="../printerSettings/printerSettings318.bin"/></Relationships>
</file>

<file path=xl/worksheets/_rels/sheet3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19.xml"/><Relationship Id="rId1" Type="http://schemas.openxmlformats.org/officeDocument/2006/relationships/printerSettings" Target="../printerSettings/printerSettings319.bin"/></Relationships>
</file>

<file path=xl/worksheets/_rels/sheet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.xml"/><Relationship Id="rId1" Type="http://schemas.openxmlformats.org/officeDocument/2006/relationships/printerSettings" Target="../printerSettings/printerSettings32.bin"/></Relationships>
</file>

<file path=xl/worksheets/_rels/sheet3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0.xml"/><Relationship Id="rId1" Type="http://schemas.openxmlformats.org/officeDocument/2006/relationships/printerSettings" Target="../printerSettings/printerSettings320.bin"/></Relationships>
</file>

<file path=xl/worksheets/_rels/sheet3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1.xml"/><Relationship Id="rId1" Type="http://schemas.openxmlformats.org/officeDocument/2006/relationships/printerSettings" Target="../printerSettings/printerSettings321.bin"/></Relationships>
</file>

<file path=xl/worksheets/_rels/sheet3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2.xml"/><Relationship Id="rId1" Type="http://schemas.openxmlformats.org/officeDocument/2006/relationships/printerSettings" Target="../printerSettings/printerSettings322.bin"/></Relationships>
</file>

<file path=xl/worksheets/_rels/sheet3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3.xml"/><Relationship Id="rId1" Type="http://schemas.openxmlformats.org/officeDocument/2006/relationships/printerSettings" Target="../printerSettings/printerSettings323.bin"/></Relationships>
</file>

<file path=xl/worksheets/_rels/sheet3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4.xml"/><Relationship Id="rId1" Type="http://schemas.openxmlformats.org/officeDocument/2006/relationships/printerSettings" Target="../printerSettings/printerSettings324.bin"/></Relationships>
</file>

<file path=xl/worksheets/_rels/sheet3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5.xml"/><Relationship Id="rId1" Type="http://schemas.openxmlformats.org/officeDocument/2006/relationships/printerSettings" Target="../printerSettings/printerSettings325.bin"/></Relationships>
</file>

<file path=xl/worksheets/_rels/sheet3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6.xml"/><Relationship Id="rId1" Type="http://schemas.openxmlformats.org/officeDocument/2006/relationships/printerSettings" Target="../printerSettings/printerSettings326.bin"/></Relationships>
</file>

<file path=xl/worksheets/_rels/sheet3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7.xml"/><Relationship Id="rId1" Type="http://schemas.openxmlformats.org/officeDocument/2006/relationships/printerSettings" Target="../printerSettings/printerSettings327.bin"/></Relationships>
</file>

<file path=xl/worksheets/_rels/sheet3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8.xml"/><Relationship Id="rId1" Type="http://schemas.openxmlformats.org/officeDocument/2006/relationships/printerSettings" Target="../printerSettings/printerSettings328.bin"/></Relationships>
</file>

<file path=xl/worksheets/_rels/sheet3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9.xml"/><Relationship Id="rId1" Type="http://schemas.openxmlformats.org/officeDocument/2006/relationships/printerSettings" Target="../printerSettings/printerSettings329.bin"/></Relationships>
</file>

<file path=xl/worksheets/_rels/sheet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.xml"/><Relationship Id="rId1" Type="http://schemas.openxmlformats.org/officeDocument/2006/relationships/printerSettings" Target="../printerSettings/printerSettings33.bin"/></Relationships>
</file>

<file path=xl/worksheets/_rels/sheet3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0.xml"/><Relationship Id="rId1" Type="http://schemas.openxmlformats.org/officeDocument/2006/relationships/printerSettings" Target="../printerSettings/printerSettings330.bin"/></Relationships>
</file>

<file path=xl/worksheets/_rels/sheet3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1.xml"/><Relationship Id="rId1" Type="http://schemas.openxmlformats.org/officeDocument/2006/relationships/printerSettings" Target="../printerSettings/printerSettings331.bin"/></Relationships>
</file>

<file path=xl/worksheets/_rels/sheet3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2.xml"/><Relationship Id="rId1" Type="http://schemas.openxmlformats.org/officeDocument/2006/relationships/printerSettings" Target="../printerSettings/printerSettings332.bin"/></Relationships>
</file>

<file path=xl/worksheets/_rels/sheet3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3.xml"/><Relationship Id="rId1" Type="http://schemas.openxmlformats.org/officeDocument/2006/relationships/printerSettings" Target="../printerSettings/printerSettings333.bin"/></Relationships>
</file>

<file path=xl/worksheets/_rels/sheet3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4.xml"/><Relationship Id="rId1" Type="http://schemas.openxmlformats.org/officeDocument/2006/relationships/printerSettings" Target="../printerSettings/printerSettings334.bin"/></Relationships>
</file>

<file path=xl/worksheets/_rels/sheet3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5.xml"/><Relationship Id="rId1" Type="http://schemas.openxmlformats.org/officeDocument/2006/relationships/printerSettings" Target="../printerSettings/printerSettings335.bin"/></Relationships>
</file>

<file path=xl/worksheets/_rels/sheet3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6.xml"/><Relationship Id="rId1" Type="http://schemas.openxmlformats.org/officeDocument/2006/relationships/printerSettings" Target="../printerSettings/printerSettings336.bin"/></Relationships>
</file>

<file path=xl/worksheets/_rels/sheet3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7.xml"/><Relationship Id="rId1" Type="http://schemas.openxmlformats.org/officeDocument/2006/relationships/printerSettings" Target="../printerSettings/printerSettings337.bin"/></Relationships>
</file>

<file path=xl/worksheets/_rels/sheet3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8.xml"/><Relationship Id="rId1" Type="http://schemas.openxmlformats.org/officeDocument/2006/relationships/printerSettings" Target="../printerSettings/printerSettings338.bin"/></Relationships>
</file>

<file path=xl/worksheets/_rels/sheet3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39.xml"/><Relationship Id="rId1" Type="http://schemas.openxmlformats.org/officeDocument/2006/relationships/printerSettings" Target="../printerSettings/printerSettings339.bin"/></Relationships>
</file>

<file path=xl/worksheets/_rels/sheet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.xml"/><Relationship Id="rId1" Type="http://schemas.openxmlformats.org/officeDocument/2006/relationships/printerSettings" Target="../printerSettings/printerSettings34.bin"/></Relationships>
</file>

<file path=xl/worksheets/_rels/sheet3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0.xml"/><Relationship Id="rId1" Type="http://schemas.openxmlformats.org/officeDocument/2006/relationships/printerSettings" Target="../printerSettings/printerSettings340.bin"/></Relationships>
</file>

<file path=xl/worksheets/_rels/sheet3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1.xml"/><Relationship Id="rId1" Type="http://schemas.openxmlformats.org/officeDocument/2006/relationships/printerSettings" Target="../printerSettings/printerSettings341.bin"/></Relationships>
</file>

<file path=xl/worksheets/_rels/sheet3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2.xml"/><Relationship Id="rId1" Type="http://schemas.openxmlformats.org/officeDocument/2006/relationships/printerSettings" Target="../printerSettings/printerSettings342.bin"/></Relationships>
</file>

<file path=xl/worksheets/_rels/sheet34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3.xml"/><Relationship Id="rId1" Type="http://schemas.openxmlformats.org/officeDocument/2006/relationships/printerSettings" Target="../printerSettings/printerSettings343.bin"/></Relationships>
</file>

<file path=xl/worksheets/_rels/sheet34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4.xml"/><Relationship Id="rId1" Type="http://schemas.openxmlformats.org/officeDocument/2006/relationships/printerSettings" Target="../printerSettings/printerSettings344.bin"/></Relationships>
</file>

<file path=xl/worksheets/_rels/sheet34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5.xml"/><Relationship Id="rId1" Type="http://schemas.openxmlformats.org/officeDocument/2006/relationships/printerSettings" Target="../printerSettings/printerSettings345.bin"/></Relationships>
</file>

<file path=xl/worksheets/_rels/sheet34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6.xml"/><Relationship Id="rId1" Type="http://schemas.openxmlformats.org/officeDocument/2006/relationships/printerSettings" Target="../printerSettings/printerSettings346.bin"/></Relationships>
</file>

<file path=xl/worksheets/_rels/sheet34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7.xml"/><Relationship Id="rId1" Type="http://schemas.openxmlformats.org/officeDocument/2006/relationships/printerSettings" Target="../printerSettings/printerSettings347.bin"/></Relationships>
</file>

<file path=xl/worksheets/_rels/sheet34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8.xml"/><Relationship Id="rId1" Type="http://schemas.openxmlformats.org/officeDocument/2006/relationships/printerSettings" Target="../printerSettings/printerSettings348.bin"/></Relationships>
</file>

<file path=xl/worksheets/_rels/sheet34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9.xml"/><Relationship Id="rId1" Type="http://schemas.openxmlformats.org/officeDocument/2006/relationships/printerSettings" Target="../printerSettings/printerSettings349.bin"/></Relationships>
</file>

<file path=xl/worksheets/_rels/sheet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.xml"/><Relationship Id="rId1" Type="http://schemas.openxmlformats.org/officeDocument/2006/relationships/printerSettings" Target="../printerSettings/printerSettings35.bin"/></Relationships>
</file>

<file path=xl/worksheets/_rels/sheet35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0.xml"/><Relationship Id="rId1" Type="http://schemas.openxmlformats.org/officeDocument/2006/relationships/printerSettings" Target="../printerSettings/printerSettings350.bin"/></Relationships>
</file>

<file path=xl/worksheets/_rels/sheet35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1.xml"/><Relationship Id="rId1" Type="http://schemas.openxmlformats.org/officeDocument/2006/relationships/printerSettings" Target="../printerSettings/printerSettings351.bin"/></Relationships>
</file>

<file path=xl/worksheets/_rels/sheet35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2.xml"/><Relationship Id="rId1" Type="http://schemas.openxmlformats.org/officeDocument/2006/relationships/printerSettings" Target="../printerSettings/printerSettings352.bin"/></Relationships>
</file>

<file path=xl/worksheets/_rels/sheet35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3.xml"/><Relationship Id="rId1" Type="http://schemas.openxmlformats.org/officeDocument/2006/relationships/printerSettings" Target="../printerSettings/printerSettings353.bin"/></Relationships>
</file>

<file path=xl/worksheets/_rels/sheet35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4.xml"/><Relationship Id="rId1" Type="http://schemas.openxmlformats.org/officeDocument/2006/relationships/printerSettings" Target="../printerSettings/printerSettings354.bin"/></Relationships>
</file>

<file path=xl/worksheets/_rels/sheet35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5.xml"/><Relationship Id="rId1" Type="http://schemas.openxmlformats.org/officeDocument/2006/relationships/printerSettings" Target="../printerSettings/printerSettings355.bin"/></Relationships>
</file>

<file path=xl/worksheets/_rels/sheet35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6.xml"/><Relationship Id="rId1" Type="http://schemas.openxmlformats.org/officeDocument/2006/relationships/printerSettings" Target="../printerSettings/printerSettings356.bin"/></Relationships>
</file>

<file path=xl/worksheets/_rels/sheet35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7.xml"/><Relationship Id="rId1" Type="http://schemas.openxmlformats.org/officeDocument/2006/relationships/printerSettings" Target="../printerSettings/printerSettings357.bin"/></Relationships>
</file>

<file path=xl/worksheets/_rels/sheet35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8.xml"/><Relationship Id="rId1" Type="http://schemas.openxmlformats.org/officeDocument/2006/relationships/printerSettings" Target="../printerSettings/printerSettings358.bin"/></Relationships>
</file>

<file path=xl/worksheets/_rels/sheet35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59.xml"/><Relationship Id="rId1" Type="http://schemas.openxmlformats.org/officeDocument/2006/relationships/printerSettings" Target="../printerSettings/printerSettings359.bin"/></Relationships>
</file>

<file path=xl/worksheets/_rels/sheet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.xml"/><Relationship Id="rId1" Type="http://schemas.openxmlformats.org/officeDocument/2006/relationships/printerSettings" Target="../printerSettings/printerSettings36.bin"/></Relationships>
</file>

<file path=xl/worksheets/_rels/sheet36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0.xml"/><Relationship Id="rId1" Type="http://schemas.openxmlformats.org/officeDocument/2006/relationships/printerSettings" Target="../printerSettings/printerSettings360.bin"/></Relationships>
</file>

<file path=xl/worksheets/_rels/sheet36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1.xml"/><Relationship Id="rId1" Type="http://schemas.openxmlformats.org/officeDocument/2006/relationships/printerSettings" Target="../printerSettings/printerSettings361.bin"/></Relationships>
</file>

<file path=xl/worksheets/_rels/sheet36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2.xml"/><Relationship Id="rId1" Type="http://schemas.openxmlformats.org/officeDocument/2006/relationships/printerSettings" Target="../printerSettings/printerSettings362.bin"/></Relationships>
</file>

<file path=xl/worksheets/_rels/sheet36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3.xml"/><Relationship Id="rId1" Type="http://schemas.openxmlformats.org/officeDocument/2006/relationships/printerSettings" Target="../printerSettings/printerSettings363.bin"/></Relationships>
</file>

<file path=xl/worksheets/_rels/sheet36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4.xml"/><Relationship Id="rId1" Type="http://schemas.openxmlformats.org/officeDocument/2006/relationships/printerSettings" Target="../printerSettings/printerSettings364.bin"/></Relationships>
</file>

<file path=xl/worksheets/_rels/sheet36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5.xml"/><Relationship Id="rId1" Type="http://schemas.openxmlformats.org/officeDocument/2006/relationships/printerSettings" Target="../printerSettings/printerSettings365.bin"/></Relationships>
</file>

<file path=xl/worksheets/_rels/sheet36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6.xml"/><Relationship Id="rId1" Type="http://schemas.openxmlformats.org/officeDocument/2006/relationships/printerSettings" Target="../printerSettings/printerSettings366.bin"/></Relationships>
</file>

<file path=xl/worksheets/_rels/sheet36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7.xml"/><Relationship Id="rId1" Type="http://schemas.openxmlformats.org/officeDocument/2006/relationships/printerSettings" Target="../printerSettings/printerSettings367.bin"/></Relationships>
</file>

<file path=xl/worksheets/_rels/sheet36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8.xml"/><Relationship Id="rId1" Type="http://schemas.openxmlformats.org/officeDocument/2006/relationships/printerSettings" Target="../printerSettings/printerSettings368.bin"/></Relationships>
</file>

<file path=xl/worksheets/_rels/sheet36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9.xml"/><Relationship Id="rId1" Type="http://schemas.openxmlformats.org/officeDocument/2006/relationships/printerSettings" Target="../printerSettings/printerSettings369.bin"/></Relationships>
</file>

<file path=xl/worksheets/_rels/sheet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.xml"/><Relationship Id="rId1" Type="http://schemas.openxmlformats.org/officeDocument/2006/relationships/printerSettings" Target="../printerSettings/printerSettings37.bin"/></Relationships>
</file>

<file path=xl/worksheets/_rels/sheet37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0.xml"/><Relationship Id="rId1" Type="http://schemas.openxmlformats.org/officeDocument/2006/relationships/printerSettings" Target="../printerSettings/printerSettings370.bin"/></Relationships>
</file>

<file path=xl/worksheets/_rels/sheet37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1.xml"/><Relationship Id="rId1" Type="http://schemas.openxmlformats.org/officeDocument/2006/relationships/printerSettings" Target="../printerSettings/printerSettings371.bin"/></Relationships>
</file>

<file path=xl/worksheets/_rels/sheet37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2.xml"/><Relationship Id="rId1" Type="http://schemas.openxmlformats.org/officeDocument/2006/relationships/printerSettings" Target="../printerSettings/printerSettings372.bin"/></Relationships>
</file>

<file path=xl/worksheets/_rels/sheet37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3.xml"/><Relationship Id="rId1" Type="http://schemas.openxmlformats.org/officeDocument/2006/relationships/printerSettings" Target="../printerSettings/printerSettings373.bin"/></Relationships>
</file>

<file path=xl/worksheets/_rels/sheet37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4.xml"/><Relationship Id="rId1" Type="http://schemas.openxmlformats.org/officeDocument/2006/relationships/printerSettings" Target="../printerSettings/printerSettings374.bin"/></Relationships>
</file>

<file path=xl/worksheets/_rels/sheet37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5.xml"/><Relationship Id="rId1" Type="http://schemas.openxmlformats.org/officeDocument/2006/relationships/printerSettings" Target="../printerSettings/printerSettings375.bin"/></Relationships>
</file>

<file path=xl/worksheets/_rels/sheet37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6.xml"/><Relationship Id="rId1" Type="http://schemas.openxmlformats.org/officeDocument/2006/relationships/printerSettings" Target="../printerSettings/printerSettings376.bin"/></Relationships>
</file>

<file path=xl/worksheets/_rels/sheet37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7.xml"/><Relationship Id="rId1" Type="http://schemas.openxmlformats.org/officeDocument/2006/relationships/printerSettings" Target="../printerSettings/printerSettings377.bin"/></Relationships>
</file>

<file path=xl/worksheets/_rels/sheet37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8.xml"/><Relationship Id="rId1" Type="http://schemas.openxmlformats.org/officeDocument/2006/relationships/printerSettings" Target="../printerSettings/printerSettings378.bin"/></Relationships>
</file>

<file path=xl/worksheets/_rels/sheet37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79.xml"/><Relationship Id="rId1" Type="http://schemas.openxmlformats.org/officeDocument/2006/relationships/printerSettings" Target="../printerSettings/printerSettings379.bin"/></Relationships>
</file>

<file path=xl/worksheets/_rels/sheet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.xml"/><Relationship Id="rId1" Type="http://schemas.openxmlformats.org/officeDocument/2006/relationships/printerSettings" Target="../printerSettings/printerSettings38.bin"/></Relationships>
</file>

<file path=xl/worksheets/_rels/sheet38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0.xml"/><Relationship Id="rId1" Type="http://schemas.openxmlformats.org/officeDocument/2006/relationships/printerSettings" Target="../printerSettings/printerSettings380.bin"/></Relationships>
</file>

<file path=xl/worksheets/_rels/sheet38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1.xml"/><Relationship Id="rId1" Type="http://schemas.openxmlformats.org/officeDocument/2006/relationships/printerSettings" Target="../printerSettings/printerSettings381.bin"/></Relationships>
</file>

<file path=xl/worksheets/_rels/sheet38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2.xml"/><Relationship Id="rId1" Type="http://schemas.openxmlformats.org/officeDocument/2006/relationships/printerSettings" Target="../printerSettings/printerSettings382.bin"/></Relationships>
</file>

<file path=xl/worksheets/_rels/sheet38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3.xml"/><Relationship Id="rId1" Type="http://schemas.openxmlformats.org/officeDocument/2006/relationships/printerSettings" Target="../printerSettings/printerSettings383.bin"/></Relationships>
</file>

<file path=xl/worksheets/_rels/sheet38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4.xml"/><Relationship Id="rId1" Type="http://schemas.openxmlformats.org/officeDocument/2006/relationships/printerSettings" Target="../printerSettings/printerSettings384.bin"/></Relationships>
</file>

<file path=xl/worksheets/_rels/sheet38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5.xml"/><Relationship Id="rId1" Type="http://schemas.openxmlformats.org/officeDocument/2006/relationships/printerSettings" Target="../printerSettings/printerSettings385.bin"/></Relationships>
</file>

<file path=xl/worksheets/_rels/sheet38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6.xml"/><Relationship Id="rId1" Type="http://schemas.openxmlformats.org/officeDocument/2006/relationships/printerSettings" Target="../printerSettings/printerSettings386.bin"/></Relationships>
</file>

<file path=xl/worksheets/_rels/sheet38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7.xml"/><Relationship Id="rId1" Type="http://schemas.openxmlformats.org/officeDocument/2006/relationships/printerSettings" Target="../printerSettings/printerSettings387.bin"/></Relationships>
</file>

<file path=xl/worksheets/_rels/sheet38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8.xml"/><Relationship Id="rId1" Type="http://schemas.openxmlformats.org/officeDocument/2006/relationships/printerSettings" Target="../printerSettings/printerSettings388.bin"/></Relationships>
</file>

<file path=xl/worksheets/_rels/sheet38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9.xml"/><Relationship Id="rId1" Type="http://schemas.openxmlformats.org/officeDocument/2006/relationships/printerSettings" Target="../printerSettings/printerSettings389.bin"/></Relationships>
</file>

<file path=xl/worksheets/_rels/sheet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.xml"/><Relationship Id="rId1" Type="http://schemas.openxmlformats.org/officeDocument/2006/relationships/printerSettings" Target="../printerSettings/printerSettings39.bin"/></Relationships>
</file>

<file path=xl/worksheets/_rels/sheet39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0.xml"/><Relationship Id="rId1" Type="http://schemas.openxmlformats.org/officeDocument/2006/relationships/printerSettings" Target="../printerSettings/printerSettings390.bin"/></Relationships>
</file>

<file path=xl/worksheets/_rels/sheet39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1.xml"/><Relationship Id="rId1" Type="http://schemas.openxmlformats.org/officeDocument/2006/relationships/printerSettings" Target="../printerSettings/printerSettings391.bin"/></Relationships>
</file>

<file path=xl/worksheets/_rels/sheet39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2.xml"/><Relationship Id="rId1" Type="http://schemas.openxmlformats.org/officeDocument/2006/relationships/printerSettings" Target="../printerSettings/printerSettings392.bin"/></Relationships>
</file>

<file path=xl/worksheets/_rels/sheet39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3.xml"/><Relationship Id="rId1" Type="http://schemas.openxmlformats.org/officeDocument/2006/relationships/printerSettings" Target="../printerSettings/printerSettings393.bin"/></Relationships>
</file>

<file path=xl/worksheets/_rels/sheet39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4.xml"/><Relationship Id="rId1" Type="http://schemas.openxmlformats.org/officeDocument/2006/relationships/printerSettings" Target="../printerSettings/printerSettings394.bin"/></Relationships>
</file>

<file path=xl/worksheets/_rels/sheet39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5.xml"/><Relationship Id="rId1" Type="http://schemas.openxmlformats.org/officeDocument/2006/relationships/printerSettings" Target="../printerSettings/printerSettings395.bin"/></Relationships>
</file>

<file path=xl/worksheets/_rels/sheet39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6.xml"/><Relationship Id="rId1" Type="http://schemas.openxmlformats.org/officeDocument/2006/relationships/printerSettings" Target="../printerSettings/printerSettings396.bin"/></Relationships>
</file>

<file path=xl/worksheets/_rels/sheet39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7.xml"/><Relationship Id="rId1" Type="http://schemas.openxmlformats.org/officeDocument/2006/relationships/printerSettings" Target="../printerSettings/printerSettings397.bin"/></Relationships>
</file>

<file path=xl/worksheets/_rels/sheet39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8.xml"/><Relationship Id="rId1" Type="http://schemas.openxmlformats.org/officeDocument/2006/relationships/printerSettings" Target="../printerSettings/printerSettings398.bin"/></Relationships>
</file>

<file path=xl/worksheets/_rels/sheet39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99.xml"/><Relationship Id="rId1" Type="http://schemas.openxmlformats.org/officeDocument/2006/relationships/printerSettings" Target="../printerSettings/printerSettings399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.xml"/><Relationship Id="rId1" Type="http://schemas.openxmlformats.org/officeDocument/2006/relationships/printerSettings" Target="../printerSettings/printerSettings40.bin"/></Relationships>
</file>

<file path=xl/worksheets/_rels/sheet40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0.xml"/><Relationship Id="rId1" Type="http://schemas.openxmlformats.org/officeDocument/2006/relationships/printerSettings" Target="../printerSettings/printerSettings400.bin"/></Relationships>
</file>

<file path=xl/worksheets/_rels/sheet40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1.xml"/><Relationship Id="rId1" Type="http://schemas.openxmlformats.org/officeDocument/2006/relationships/printerSettings" Target="../printerSettings/printerSettings401.bin"/></Relationships>
</file>

<file path=xl/worksheets/_rels/sheet40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2.xml"/><Relationship Id="rId1" Type="http://schemas.openxmlformats.org/officeDocument/2006/relationships/printerSettings" Target="../printerSettings/printerSettings402.bin"/></Relationships>
</file>

<file path=xl/worksheets/_rels/sheet40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3.xml"/><Relationship Id="rId1" Type="http://schemas.openxmlformats.org/officeDocument/2006/relationships/printerSettings" Target="../printerSettings/printerSettings403.bin"/></Relationships>
</file>

<file path=xl/worksheets/_rels/sheet40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4.xml"/><Relationship Id="rId1" Type="http://schemas.openxmlformats.org/officeDocument/2006/relationships/printerSettings" Target="../printerSettings/printerSettings404.bin"/></Relationships>
</file>

<file path=xl/worksheets/_rels/sheet40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5.xml"/><Relationship Id="rId1" Type="http://schemas.openxmlformats.org/officeDocument/2006/relationships/printerSettings" Target="../printerSettings/printerSettings405.bin"/></Relationships>
</file>

<file path=xl/worksheets/_rels/sheet40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6.xml"/><Relationship Id="rId1" Type="http://schemas.openxmlformats.org/officeDocument/2006/relationships/printerSettings" Target="../printerSettings/printerSettings406.bin"/></Relationships>
</file>

<file path=xl/worksheets/_rels/sheet40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7.xml"/><Relationship Id="rId1" Type="http://schemas.openxmlformats.org/officeDocument/2006/relationships/printerSettings" Target="../printerSettings/printerSettings407.bin"/></Relationships>
</file>

<file path=xl/worksheets/_rels/sheet40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8.xml"/><Relationship Id="rId1" Type="http://schemas.openxmlformats.org/officeDocument/2006/relationships/printerSettings" Target="../printerSettings/printerSettings408.bin"/></Relationships>
</file>

<file path=xl/worksheets/_rels/sheet40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9.xml"/><Relationship Id="rId1" Type="http://schemas.openxmlformats.org/officeDocument/2006/relationships/printerSettings" Target="../printerSettings/printerSettings409.bin"/></Relationships>
</file>

<file path=xl/worksheets/_rels/sheet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.xml"/><Relationship Id="rId1" Type="http://schemas.openxmlformats.org/officeDocument/2006/relationships/printerSettings" Target="../printerSettings/printerSettings41.bin"/></Relationships>
</file>

<file path=xl/worksheets/_rels/sheet4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0.xml"/><Relationship Id="rId1" Type="http://schemas.openxmlformats.org/officeDocument/2006/relationships/printerSettings" Target="../printerSettings/printerSettings410.bin"/></Relationships>
</file>

<file path=xl/worksheets/_rels/sheet4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1.xml"/><Relationship Id="rId1" Type="http://schemas.openxmlformats.org/officeDocument/2006/relationships/printerSettings" Target="../printerSettings/printerSettings411.bin"/></Relationships>
</file>

<file path=xl/worksheets/_rels/sheet4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2.xml"/><Relationship Id="rId1" Type="http://schemas.openxmlformats.org/officeDocument/2006/relationships/printerSettings" Target="../printerSettings/printerSettings412.bin"/></Relationships>
</file>

<file path=xl/worksheets/_rels/sheet4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3.xml"/><Relationship Id="rId1" Type="http://schemas.openxmlformats.org/officeDocument/2006/relationships/printerSettings" Target="../printerSettings/printerSettings413.bin"/></Relationships>
</file>

<file path=xl/worksheets/_rels/sheet4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4.xml"/><Relationship Id="rId1" Type="http://schemas.openxmlformats.org/officeDocument/2006/relationships/printerSettings" Target="../printerSettings/printerSettings414.bin"/></Relationships>
</file>

<file path=xl/worksheets/_rels/sheet4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5.xml"/><Relationship Id="rId1" Type="http://schemas.openxmlformats.org/officeDocument/2006/relationships/printerSettings" Target="../printerSettings/printerSettings415.bin"/></Relationships>
</file>

<file path=xl/worksheets/_rels/sheet4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6.xml"/><Relationship Id="rId1" Type="http://schemas.openxmlformats.org/officeDocument/2006/relationships/printerSettings" Target="../printerSettings/printerSettings416.bin"/></Relationships>
</file>

<file path=xl/worksheets/_rels/sheet4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7.xml"/><Relationship Id="rId1" Type="http://schemas.openxmlformats.org/officeDocument/2006/relationships/printerSettings" Target="../printerSettings/printerSettings417.bin"/></Relationships>
</file>

<file path=xl/worksheets/_rels/sheet4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8.xml"/><Relationship Id="rId1" Type="http://schemas.openxmlformats.org/officeDocument/2006/relationships/printerSettings" Target="../printerSettings/printerSettings418.bin"/></Relationships>
</file>

<file path=xl/worksheets/_rels/sheet4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19.xml"/><Relationship Id="rId1" Type="http://schemas.openxmlformats.org/officeDocument/2006/relationships/printerSettings" Target="../printerSettings/printerSettings419.bin"/></Relationships>
</file>

<file path=xl/worksheets/_rels/sheet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.xml"/><Relationship Id="rId1" Type="http://schemas.openxmlformats.org/officeDocument/2006/relationships/printerSettings" Target="../printerSettings/printerSettings42.bin"/></Relationships>
</file>

<file path=xl/worksheets/_rels/sheet4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0.xml"/><Relationship Id="rId1" Type="http://schemas.openxmlformats.org/officeDocument/2006/relationships/printerSettings" Target="../printerSettings/printerSettings420.bin"/></Relationships>
</file>

<file path=xl/worksheets/_rels/sheet4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1.xml"/><Relationship Id="rId1" Type="http://schemas.openxmlformats.org/officeDocument/2006/relationships/printerSettings" Target="../printerSettings/printerSettings421.bin"/></Relationships>
</file>

<file path=xl/worksheets/_rels/sheet4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2.xml"/><Relationship Id="rId1" Type="http://schemas.openxmlformats.org/officeDocument/2006/relationships/printerSettings" Target="../printerSettings/printerSettings422.bin"/></Relationships>
</file>

<file path=xl/worksheets/_rels/sheet4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3.xml"/><Relationship Id="rId1" Type="http://schemas.openxmlformats.org/officeDocument/2006/relationships/printerSettings" Target="../printerSettings/printerSettings423.bin"/></Relationships>
</file>

<file path=xl/worksheets/_rels/sheet4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4.xml"/><Relationship Id="rId1" Type="http://schemas.openxmlformats.org/officeDocument/2006/relationships/printerSettings" Target="../printerSettings/printerSettings424.bin"/></Relationships>
</file>

<file path=xl/worksheets/_rels/sheet4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5.xml"/><Relationship Id="rId1" Type="http://schemas.openxmlformats.org/officeDocument/2006/relationships/printerSettings" Target="../printerSettings/printerSettings425.bin"/></Relationships>
</file>

<file path=xl/worksheets/_rels/sheet4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6.xml"/><Relationship Id="rId1" Type="http://schemas.openxmlformats.org/officeDocument/2006/relationships/printerSettings" Target="../printerSettings/printerSettings426.bin"/></Relationships>
</file>

<file path=xl/worksheets/_rels/sheet4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7.xml"/><Relationship Id="rId1" Type="http://schemas.openxmlformats.org/officeDocument/2006/relationships/printerSettings" Target="../printerSettings/printerSettings427.bin"/></Relationships>
</file>

<file path=xl/worksheets/_rels/sheet4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8.xml"/><Relationship Id="rId1" Type="http://schemas.openxmlformats.org/officeDocument/2006/relationships/printerSettings" Target="../printerSettings/printerSettings428.bin"/></Relationships>
</file>

<file path=xl/worksheets/_rels/sheet4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9.xml"/><Relationship Id="rId1" Type="http://schemas.openxmlformats.org/officeDocument/2006/relationships/printerSettings" Target="../printerSettings/printerSettings429.bin"/></Relationships>
</file>

<file path=xl/worksheets/_rels/sheet4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.xml"/><Relationship Id="rId1" Type="http://schemas.openxmlformats.org/officeDocument/2006/relationships/printerSettings" Target="../printerSettings/printerSettings43.bin"/></Relationships>
</file>

<file path=xl/worksheets/_rels/sheet4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0.xml"/><Relationship Id="rId1" Type="http://schemas.openxmlformats.org/officeDocument/2006/relationships/printerSettings" Target="../printerSettings/printerSettings430.bin"/></Relationships>
</file>

<file path=xl/worksheets/_rels/sheet4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1.xml"/><Relationship Id="rId1" Type="http://schemas.openxmlformats.org/officeDocument/2006/relationships/printerSettings" Target="../printerSettings/printerSettings431.bin"/></Relationships>
</file>

<file path=xl/worksheets/_rels/sheet4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2.xml"/><Relationship Id="rId1" Type="http://schemas.openxmlformats.org/officeDocument/2006/relationships/printerSettings" Target="../printerSettings/printerSettings432.bin"/></Relationships>
</file>

<file path=xl/worksheets/_rels/sheet4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3.xml"/><Relationship Id="rId1" Type="http://schemas.openxmlformats.org/officeDocument/2006/relationships/printerSettings" Target="../printerSettings/printerSettings433.bin"/></Relationships>
</file>

<file path=xl/worksheets/_rels/sheet4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4.xml"/><Relationship Id="rId1" Type="http://schemas.openxmlformats.org/officeDocument/2006/relationships/printerSettings" Target="../printerSettings/printerSettings434.bin"/></Relationships>
</file>

<file path=xl/worksheets/_rels/sheet4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5.xml"/><Relationship Id="rId1" Type="http://schemas.openxmlformats.org/officeDocument/2006/relationships/printerSettings" Target="../printerSettings/printerSettings435.bin"/></Relationships>
</file>

<file path=xl/worksheets/_rels/sheet4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6.xml"/><Relationship Id="rId1" Type="http://schemas.openxmlformats.org/officeDocument/2006/relationships/printerSettings" Target="../printerSettings/printerSettings436.bin"/></Relationships>
</file>

<file path=xl/worksheets/_rels/sheet4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7.xml"/><Relationship Id="rId1" Type="http://schemas.openxmlformats.org/officeDocument/2006/relationships/printerSettings" Target="../printerSettings/printerSettings437.bin"/></Relationships>
</file>

<file path=xl/worksheets/_rels/sheet4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8.xml"/><Relationship Id="rId1" Type="http://schemas.openxmlformats.org/officeDocument/2006/relationships/printerSettings" Target="../printerSettings/printerSettings438.bin"/></Relationships>
</file>

<file path=xl/worksheets/_rels/sheet4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39.xml"/><Relationship Id="rId1" Type="http://schemas.openxmlformats.org/officeDocument/2006/relationships/printerSettings" Target="../printerSettings/printerSettings439.bin"/></Relationships>
</file>

<file path=xl/worksheets/_rels/sheet4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4.xml"/><Relationship Id="rId1" Type="http://schemas.openxmlformats.org/officeDocument/2006/relationships/printerSettings" Target="../printerSettings/printerSettings44.bin"/></Relationships>
</file>

<file path=xl/worksheets/_rels/sheet4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40.xml"/><Relationship Id="rId1" Type="http://schemas.openxmlformats.org/officeDocument/2006/relationships/printerSettings" Target="../printerSettings/printerSettings440.bin"/></Relationships>
</file>

<file path=xl/worksheets/_rels/sheet4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41.xml"/><Relationship Id="rId1" Type="http://schemas.openxmlformats.org/officeDocument/2006/relationships/printerSettings" Target="../printerSettings/printerSettings441.bin"/></Relationships>
</file>

<file path=xl/worksheets/_rels/sheet4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42.xml"/><Relationship Id="rId1" Type="http://schemas.openxmlformats.org/officeDocument/2006/relationships/printerSettings" Target="../printerSettings/printerSettings442.bin"/></Relationships>
</file>

<file path=xl/worksheets/_rels/sheet4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5.xml"/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6.xml"/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7.xml"/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8.xml"/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9.xml"/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0.xml"/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1.xml"/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2.xml"/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3.xml"/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4.xml"/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5.xml"/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6.xml"/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7.xml"/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8.xml"/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9.xml"/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0.xml"/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1.xml"/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2.xml"/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3.xml"/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4.xml"/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5.xml"/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6.xml"/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7.xml"/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8.xml"/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9.xml"/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0.xml"/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1.xml"/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2.xml"/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3.xml"/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4.xml"/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5.xml"/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6.xml"/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7.xml"/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8.xml"/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9.xml"/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0.xml"/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1.xml"/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2.xml"/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3.xml"/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4.xml"/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5.xml"/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6.xml"/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7.xml"/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8.xml"/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9.xml"/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0.xml"/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1.xml"/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2.xml"/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3.xml"/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4.xml"/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5.xml"/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6.xml"/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7.xml"/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8.xml"/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9.xml"/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</v>
      </c>
      <c r="C1" s="3"/>
      <c r="D1" s="4" t="s">
        <v>2</v>
      </c>
      <c r="E1" s="5" t="s">
        <v>3</v>
      </c>
    </row>
    <row r="2" spans="1:14">
      <c r="A2" s="8" t="s">
        <v>4</v>
      </c>
      <c r="B2" s="9">
        <f>SUM(C2:D2)</f>
        <v>86</v>
      </c>
      <c r="C2" s="9">
        <f>SUM(C6+C12+C18+C24+C30+C36+C42+H6+H12+H18+H24+H30+H36+H42+M6+M12+M18+M24+M30+M36+M42+M44+M46)</f>
        <v>32</v>
      </c>
      <c r="D2" s="9">
        <f>SUM(D6+D12+D18+D24+D30+D36+D42+I6+I12+I18+I24+I30+I36+I42+N6+N12+N18+N24+N30+N36+N42+N44+N46)</f>
        <v>5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0</v>
      </c>
      <c r="H6" s="17">
        <v>6</v>
      </c>
      <c r="I6" s="17">
        <v>4</v>
      </c>
      <c r="K6" s="16" t="s">
        <v>15</v>
      </c>
      <c r="L6" s="17">
        <v>3</v>
      </c>
      <c r="M6" s="17">
        <v>1</v>
      </c>
      <c r="N6" s="17">
        <v>2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4</v>
      </c>
      <c r="H9" s="19">
        <v>4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2</v>
      </c>
      <c r="H10" s="19">
        <v>0</v>
      </c>
      <c r="I10" s="19">
        <v>2</v>
      </c>
      <c r="K10" s="18">
        <v>73</v>
      </c>
      <c r="L10" s="19">
        <v>1</v>
      </c>
      <c r="M10" s="19">
        <v>1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2</v>
      </c>
      <c r="H11" s="21">
        <v>1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2</v>
      </c>
      <c r="M12" s="17">
        <v>1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1</v>
      </c>
      <c r="M16" s="19">
        <v>1</v>
      </c>
      <c r="N16" s="19">
        <v>0</v>
      </c>
    </row>
    <row r="17" spans="1:14">
      <c r="A17" s="20">
        <v>9</v>
      </c>
      <c r="B17" s="19">
        <v>1</v>
      </c>
      <c r="C17" s="21">
        <v>1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2</v>
      </c>
      <c r="C18" s="17">
        <v>1</v>
      </c>
      <c r="D18" s="17">
        <v>1</v>
      </c>
      <c r="F18" s="16" t="s">
        <v>21</v>
      </c>
      <c r="G18" s="17">
        <v>11</v>
      </c>
      <c r="H18" s="17">
        <v>3</v>
      </c>
      <c r="I18" s="17">
        <v>8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3</v>
      </c>
      <c r="H19" s="19">
        <v>1</v>
      </c>
      <c r="I19" s="19">
        <v>2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1</v>
      </c>
      <c r="I20" s="19">
        <v>1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2</v>
      </c>
      <c r="H21" s="19">
        <v>0</v>
      </c>
      <c r="I21" s="19">
        <v>2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0</v>
      </c>
      <c r="D23" s="21">
        <v>1</v>
      </c>
      <c r="F23" s="20">
        <v>49</v>
      </c>
      <c r="G23" s="19">
        <v>3</v>
      </c>
      <c r="H23" s="21">
        <v>0</v>
      </c>
      <c r="I23" s="21">
        <v>3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2</v>
      </c>
      <c r="C24" s="17">
        <v>1</v>
      </c>
      <c r="D24" s="17">
        <v>1</v>
      </c>
      <c r="F24" s="16" t="s">
        <v>24</v>
      </c>
      <c r="G24" s="17">
        <v>10</v>
      </c>
      <c r="H24" s="17">
        <v>2</v>
      </c>
      <c r="I24" s="17">
        <v>8</v>
      </c>
      <c r="K24" s="16" t="s">
        <v>25</v>
      </c>
      <c r="L24" s="17">
        <v>1</v>
      </c>
      <c r="M24" s="17">
        <v>1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0</v>
      </c>
      <c r="D26" s="19">
        <v>1</v>
      </c>
      <c r="F26" s="18">
        <v>51</v>
      </c>
      <c r="G26" s="19">
        <v>5</v>
      </c>
      <c r="H26" s="19">
        <v>1</v>
      </c>
      <c r="I26" s="19">
        <v>4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1</v>
      </c>
      <c r="M27" s="19">
        <v>1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3</v>
      </c>
      <c r="H28" s="19">
        <v>1</v>
      </c>
      <c r="I28" s="19">
        <v>2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5</v>
      </c>
      <c r="C30" s="17">
        <v>3</v>
      </c>
      <c r="D30" s="17">
        <v>2</v>
      </c>
      <c r="F30" s="16" t="s">
        <v>27</v>
      </c>
      <c r="G30" s="17">
        <v>11</v>
      </c>
      <c r="H30" s="17">
        <v>1</v>
      </c>
      <c r="I30" s="17">
        <v>1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2</v>
      </c>
      <c r="H32" s="19">
        <v>0</v>
      </c>
      <c r="I32" s="19">
        <v>2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3</v>
      </c>
      <c r="C33" s="19">
        <v>2</v>
      </c>
      <c r="D33" s="19">
        <v>1</v>
      </c>
      <c r="F33" s="18">
        <v>57</v>
      </c>
      <c r="G33" s="19">
        <v>4</v>
      </c>
      <c r="H33" s="19">
        <v>0</v>
      </c>
      <c r="I33" s="19">
        <v>4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3</v>
      </c>
      <c r="H34" s="19">
        <v>0</v>
      </c>
      <c r="I34" s="19">
        <v>3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1</v>
      </c>
      <c r="H35" s="21">
        <v>1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3</v>
      </c>
      <c r="D36" s="17">
        <v>1</v>
      </c>
      <c r="F36" s="16" t="s">
        <v>30</v>
      </c>
      <c r="G36" s="17">
        <v>8</v>
      </c>
      <c r="H36" s="17">
        <v>1</v>
      </c>
      <c r="I36" s="17">
        <v>7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2</v>
      </c>
      <c r="D39" s="19">
        <v>1</v>
      </c>
      <c r="F39" s="18">
        <v>62</v>
      </c>
      <c r="G39" s="19">
        <v>2</v>
      </c>
      <c r="H39" s="19">
        <v>0</v>
      </c>
      <c r="I39" s="19">
        <v>2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5</v>
      </c>
      <c r="H40" s="19">
        <v>0</v>
      </c>
      <c r="I40" s="19">
        <v>5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7</v>
      </c>
      <c r="C42" s="17">
        <v>4</v>
      </c>
      <c r="D42" s="17">
        <v>3</v>
      </c>
      <c r="F42" s="16" t="s">
        <v>33</v>
      </c>
      <c r="G42" s="17">
        <v>6</v>
      </c>
      <c r="H42" s="17">
        <v>2</v>
      </c>
      <c r="I42" s="17">
        <v>4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1</v>
      </c>
      <c r="D43" s="19">
        <v>1</v>
      </c>
      <c r="F43" s="18">
        <v>65</v>
      </c>
      <c r="G43" s="19">
        <v>3</v>
      </c>
      <c r="H43" s="19">
        <v>1</v>
      </c>
      <c r="I43" s="19">
        <v>2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1</v>
      </c>
      <c r="H47" s="21">
        <v>1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</v>
      </c>
      <c r="C1" s="3"/>
      <c r="D1" s="4" t="s">
        <v>54</v>
      </c>
      <c r="E1" s="5" t="s">
        <v>3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1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1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1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33</v>
      </c>
      <c r="C1" s="3"/>
      <c r="D1" s="4" t="s">
        <v>234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35</v>
      </c>
      <c r="C1" s="3"/>
      <c r="D1" s="4" t="s">
        <v>23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37</v>
      </c>
      <c r="C1" s="3"/>
      <c r="D1" s="4" t="s">
        <v>2</v>
      </c>
      <c r="E1" s="5" t="s">
        <v>238</v>
      </c>
    </row>
    <row r="2" spans="1:14">
      <c r="A2" s="8" t="s">
        <v>4</v>
      </c>
      <c r="B2" s="9">
        <f>SUM(C2:D2)</f>
        <v>118</v>
      </c>
      <c r="C2" s="9">
        <f>SUM(C6+C12+C18+C24+C30+C36+C42+H6+H12+H18+H24+H30+H36+H42+M6+M12+M18+M24+M30+M36+M42+M44+M46)</f>
        <v>45</v>
      </c>
      <c r="D2" s="9">
        <f>SUM(D6+D12+D18+D24+D30+D36+D42+I6+I12+I18+I24+I30+I36+I42+N6+N12+N18+N24+N30+N36+N42+N44+N46)</f>
        <v>7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4</v>
      </c>
      <c r="C6" s="17">
        <v>2</v>
      </c>
      <c r="D6" s="17">
        <v>2</v>
      </c>
      <c r="F6" s="16" t="s">
        <v>14</v>
      </c>
      <c r="G6" s="17">
        <v>10</v>
      </c>
      <c r="H6" s="17">
        <v>5</v>
      </c>
      <c r="I6" s="17">
        <v>5</v>
      </c>
      <c r="K6" s="16" t="s">
        <v>15</v>
      </c>
      <c r="L6" s="17">
        <v>3</v>
      </c>
      <c r="M6" s="17">
        <v>1</v>
      </c>
      <c r="N6" s="17">
        <v>2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2</v>
      </c>
      <c r="H7" s="19">
        <v>1</v>
      </c>
      <c r="I7" s="19">
        <v>1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4</v>
      </c>
      <c r="H8" s="19">
        <v>0</v>
      </c>
      <c r="I8" s="19">
        <v>4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2</v>
      </c>
      <c r="I9" s="19">
        <v>0</v>
      </c>
      <c r="K9" s="18">
        <v>72</v>
      </c>
      <c r="L9" s="19">
        <v>2</v>
      </c>
      <c r="M9" s="19">
        <v>1</v>
      </c>
      <c r="N9" s="19">
        <v>1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2</v>
      </c>
      <c r="H10" s="19">
        <v>2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1</v>
      </c>
      <c r="C11" s="21">
        <v>1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5</v>
      </c>
      <c r="C12" s="17">
        <v>3</v>
      </c>
      <c r="D12" s="17">
        <v>2</v>
      </c>
      <c r="F12" s="16" t="s">
        <v>18</v>
      </c>
      <c r="G12" s="17">
        <v>8</v>
      </c>
      <c r="H12" s="17">
        <v>1</v>
      </c>
      <c r="I12" s="17">
        <v>7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2</v>
      </c>
      <c r="C13" s="19">
        <v>1</v>
      </c>
      <c r="D13" s="19">
        <v>1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1</v>
      </c>
      <c r="C14" s="19">
        <v>1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0</v>
      </c>
      <c r="D15" s="19">
        <v>1</v>
      </c>
      <c r="F15" s="18">
        <v>42</v>
      </c>
      <c r="G15" s="19">
        <v>3</v>
      </c>
      <c r="H15" s="19">
        <v>1</v>
      </c>
      <c r="I15" s="19">
        <v>2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1</v>
      </c>
      <c r="C16" s="19">
        <v>1</v>
      </c>
      <c r="D16" s="19">
        <v>0</v>
      </c>
      <c r="F16" s="18">
        <v>43</v>
      </c>
      <c r="G16" s="19">
        <v>2</v>
      </c>
      <c r="H16" s="19">
        <v>0</v>
      </c>
      <c r="I16" s="19">
        <v>2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8</v>
      </c>
      <c r="C18" s="17">
        <v>4</v>
      </c>
      <c r="D18" s="17">
        <v>4</v>
      </c>
      <c r="F18" s="16" t="s">
        <v>21</v>
      </c>
      <c r="G18" s="17">
        <v>16</v>
      </c>
      <c r="H18" s="17">
        <v>5</v>
      </c>
      <c r="I18" s="17">
        <v>1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2</v>
      </c>
      <c r="C19" s="19">
        <v>0</v>
      </c>
      <c r="D19" s="19">
        <v>2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6</v>
      </c>
      <c r="H20" s="19">
        <v>2</v>
      </c>
      <c r="I20" s="19">
        <v>4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3</v>
      </c>
      <c r="C21" s="19">
        <v>3</v>
      </c>
      <c r="D21" s="19">
        <v>0</v>
      </c>
      <c r="F21" s="18">
        <v>47</v>
      </c>
      <c r="G21" s="19">
        <v>4</v>
      </c>
      <c r="H21" s="19">
        <v>2</v>
      </c>
      <c r="I21" s="19">
        <v>2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3</v>
      </c>
      <c r="C22" s="19">
        <v>1</v>
      </c>
      <c r="D22" s="19">
        <v>2</v>
      </c>
      <c r="F22" s="18">
        <v>48</v>
      </c>
      <c r="G22" s="19">
        <v>3</v>
      </c>
      <c r="H22" s="19">
        <v>1</v>
      </c>
      <c r="I22" s="19">
        <v>2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3</v>
      </c>
      <c r="H23" s="21">
        <v>0</v>
      </c>
      <c r="I23" s="21">
        <v>3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1</v>
      </c>
      <c r="D24" s="17">
        <v>2</v>
      </c>
      <c r="F24" s="16" t="s">
        <v>24</v>
      </c>
      <c r="G24" s="17">
        <v>16</v>
      </c>
      <c r="H24" s="17">
        <v>4</v>
      </c>
      <c r="I24" s="17">
        <v>1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0</v>
      </c>
      <c r="D25" s="19">
        <v>1</v>
      </c>
      <c r="F25" s="18">
        <v>50</v>
      </c>
      <c r="G25" s="19">
        <v>2</v>
      </c>
      <c r="H25" s="19">
        <v>0</v>
      </c>
      <c r="I25" s="19">
        <v>2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0</v>
      </c>
      <c r="D26" s="19">
        <v>1</v>
      </c>
      <c r="F26" s="18">
        <v>51</v>
      </c>
      <c r="G26" s="19">
        <v>2</v>
      </c>
      <c r="H26" s="19">
        <v>0</v>
      </c>
      <c r="I26" s="19">
        <v>2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7</v>
      </c>
      <c r="H27" s="19">
        <v>2</v>
      </c>
      <c r="I27" s="19">
        <v>5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1</v>
      </c>
      <c r="D28" s="19">
        <v>0</v>
      </c>
      <c r="F28" s="18">
        <v>53</v>
      </c>
      <c r="G28" s="19">
        <v>3</v>
      </c>
      <c r="H28" s="19">
        <v>1</v>
      </c>
      <c r="I28" s="19">
        <v>2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2</v>
      </c>
      <c r="H29" s="21">
        <v>1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0</v>
      </c>
      <c r="C30" s="17">
        <v>8</v>
      </c>
      <c r="D30" s="17">
        <v>2</v>
      </c>
      <c r="F30" s="16" t="s">
        <v>27</v>
      </c>
      <c r="G30" s="17">
        <v>5</v>
      </c>
      <c r="H30" s="17">
        <v>0</v>
      </c>
      <c r="I30" s="17">
        <v>5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2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3</v>
      </c>
      <c r="C33" s="19">
        <v>2</v>
      </c>
      <c r="D33" s="19">
        <v>1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2</v>
      </c>
      <c r="H34" s="19">
        <v>0</v>
      </c>
      <c r="I34" s="19">
        <v>2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7</v>
      </c>
      <c r="C36" s="17">
        <v>2</v>
      </c>
      <c r="D36" s="17">
        <v>5</v>
      </c>
      <c r="F36" s="16" t="s">
        <v>30</v>
      </c>
      <c r="G36" s="17">
        <v>8</v>
      </c>
      <c r="H36" s="17">
        <v>2</v>
      </c>
      <c r="I36" s="17">
        <v>6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2</v>
      </c>
      <c r="H37" s="19">
        <v>0</v>
      </c>
      <c r="I37" s="19">
        <v>2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1</v>
      </c>
      <c r="D39" s="19">
        <v>1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0</v>
      </c>
      <c r="D40" s="19">
        <v>2</v>
      </c>
      <c r="F40" s="18">
        <v>63</v>
      </c>
      <c r="G40" s="19">
        <v>5</v>
      </c>
      <c r="H40" s="19">
        <v>2</v>
      </c>
      <c r="I40" s="19">
        <v>3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2</v>
      </c>
      <c r="C41" s="21">
        <v>0</v>
      </c>
      <c r="D41" s="21">
        <v>2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8</v>
      </c>
      <c r="C42" s="17">
        <v>5</v>
      </c>
      <c r="D42" s="17">
        <v>3</v>
      </c>
      <c r="F42" s="16" t="s">
        <v>33</v>
      </c>
      <c r="G42" s="17">
        <v>6</v>
      </c>
      <c r="H42" s="17">
        <v>2</v>
      </c>
      <c r="I42" s="17">
        <v>4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2</v>
      </c>
      <c r="D43" s="19">
        <v>0</v>
      </c>
      <c r="F43" s="18">
        <v>65</v>
      </c>
      <c r="G43" s="19">
        <v>2</v>
      </c>
      <c r="H43" s="19">
        <v>0</v>
      </c>
      <c r="I43" s="19">
        <v>2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2</v>
      </c>
      <c r="H44" s="19">
        <v>0</v>
      </c>
      <c r="I44" s="19">
        <v>2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1</v>
      </c>
      <c r="H46" s="19">
        <v>1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4</v>
      </c>
      <c r="C47" s="21">
        <v>2</v>
      </c>
      <c r="D47" s="21">
        <v>2</v>
      </c>
      <c r="F47" s="20">
        <v>69</v>
      </c>
      <c r="G47" s="21">
        <v>1</v>
      </c>
      <c r="H47" s="21">
        <v>1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39</v>
      </c>
      <c r="C1" s="3"/>
      <c r="D1" s="4" t="s">
        <v>240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41</v>
      </c>
      <c r="C1" s="3"/>
      <c r="D1" s="4" t="s">
        <v>242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43</v>
      </c>
      <c r="C1" s="3"/>
      <c r="D1" s="4" t="s">
        <v>244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45</v>
      </c>
      <c r="C1" s="3"/>
      <c r="D1" s="4" t="s">
        <v>246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47</v>
      </c>
      <c r="C1" s="3"/>
      <c r="D1" s="4" t="s">
        <v>248</v>
      </c>
      <c r="E1" s="5" t="s">
        <v>238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49</v>
      </c>
      <c r="C1" s="3"/>
      <c r="D1" s="4" t="s">
        <v>250</v>
      </c>
      <c r="E1" s="5" t="s">
        <v>238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1</v>
      </c>
      <c r="C22" s="19">
        <v>0</v>
      </c>
      <c r="D22" s="19">
        <v>1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0</v>
      </c>
      <c r="D26" s="19">
        <v>1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1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51</v>
      </c>
      <c r="C1" s="3"/>
      <c r="D1" s="4" t="s">
        <v>252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</v>
      </c>
      <c r="C1" s="3"/>
      <c r="D1" s="4" t="s">
        <v>56</v>
      </c>
      <c r="E1" s="5" t="s">
        <v>3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53</v>
      </c>
      <c r="C1" s="3"/>
      <c r="D1" s="4" t="s">
        <v>254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55</v>
      </c>
      <c r="C1" s="3"/>
      <c r="D1" s="4" t="s">
        <v>256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57</v>
      </c>
      <c r="C1" s="3"/>
      <c r="D1" s="4" t="s">
        <v>258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59</v>
      </c>
      <c r="C1" s="3"/>
      <c r="D1" s="4" t="s">
        <v>260</v>
      </c>
      <c r="E1" s="5" t="s">
        <v>238</v>
      </c>
    </row>
    <row r="2" spans="1:14">
      <c r="A2" s="8" t="s">
        <v>4</v>
      </c>
      <c r="B2" s="9">
        <f>SUM(C2:D2)</f>
        <v>1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0</v>
      </c>
      <c r="D13" s="19">
        <v>1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3</v>
      </c>
      <c r="H24" s="17">
        <v>0</v>
      </c>
      <c r="I24" s="17">
        <v>3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61</v>
      </c>
      <c r="C1" s="3"/>
      <c r="D1" s="4" t="s">
        <v>262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63</v>
      </c>
      <c r="C1" s="3"/>
      <c r="D1" s="4" t="s">
        <v>264</v>
      </c>
      <c r="E1" s="5" t="s">
        <v>238</v>
      </c>
    </row>
    <row r="2" spans="1:14">
      <c r="A2" s="8" t="s">
        <v>4</v>
      </c>
      <c r="B2" s="9">
        <f>SUM(C2:D2)</f>
        <v>14</v>
      </c>
      <c r="C2" s="9">
        <f>SUM(C6+C12+C18+C24+C30+C36+C42+H6+H12+H18+H24+H30+H36+H42+M6+M12+M18+M24+M30+M36+M42+M44+M46)</f>
        <v>9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1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3</v>
      </c>
      <c r="C12" s="17">
        <v>3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1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1</v>
      </c>
      <c r="C14" s="19">
        <v>1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1</v>
      </c>
      <c r="C16" s="19">
        <v>1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1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1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1</v>
      </c>
      <c r="D30" s="17">
        <v>2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0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0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65</v>
      </c>
      <c r="C1" s="3"/>
      <c r="D1" s="4" t="s">
        <v>266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67</v>
      </c>
      <c r="C1" s="3"/>
      <c r="D1" s="4" t="s">
        <v>268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69</v>
      </c>
      <c r="C1" s="3"/>
      <c r="D1" s="4" t="s">
        <v>270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71</v>
      </c>
      <c r="C1" s="3"/>
      <c r="D1" s="4" t="s">
        <v>272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</v>
      </c>
      <c r="C1" s="3"/>
      <c r="D1" s="4" t="s">
        <v>58</v>
      </c>
      <c r="E1" s="5" t="s">
        <v>3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73</v>
      </c>
      <c r="C1" s="3"/>
      <c r="D1" s="4" t="s">
        <v>274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75</v>
      </c>
      <c r="C1" s="3"/>
      <c r="D1" s="4" t="s">
        <v>276</v>
      </c>
      <c r="E1" s="5" t="s">
        <v>23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1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1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77</v>
      </c>
      <c r="C1" s="3"/>
      <c r="D1" s="4" t="s">
        <v>278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1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79</v>
      </c>
      <c r="C1" s="3"/>
      <c r="D1" s="4" t="s">
        <v>280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81</v>
      </c>
      <c r="C1" s="3"/>
      <c r="D1" s="4" t="s">
        <v>282</v>
      </c>
      <c r="E1" s="5" t="s">
        <v>238</v>
      </c>
    </row>
    <row r="2" spans="1:14">
      <c r="A2" s="8" t="s">
        <v>4</v>
      </c>
      <c r="B2" s="9">
        <f>SUM(C2:D2)</f>
        <v>22</v>
      </c>
      <c r="C2" s="9">
        <f>SUM(C6+C12+C18+C24+C30+C36+C42+H6+H12+H18+H24+H30+H36+H42+M6+M12+M18+M24+M30+M36+M42+M44+M46)</f>
        <v>12</v>
      </c>
      <c r="D2" s="9">
        <f>SUM(D6+D12+D18+D24+D30+D36+D42+I6+I12+I18+I24+I30+I36+I42+N6+N12+N18+N24+N30+N36+N42+N44+N46)</f>
        <v>1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1</v>
      </c>
      <c r="C11" s="21">
        <v>1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1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2</v>
      </c>
      <c r="D18" s="17">
        <v>0</v>
      </c>
      <c r="F18" s="16" t="s">
        <v>21</v>
      </c>
      <c r="G18" s="17">
        <v>5</v>
      </c>
      <c r="H18" s="17">
        <v>2</v>
      </c>
      <c r="I18" s="17">
        <v>3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0</v>
      </c>
      <c r="I20" s="19">
        <v>2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1</v>
      </c>
      <c r="H21" s="19">
        <v>1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1</v>
      </c>
      <c r="C22" s="19">
        <v>1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3</v>
      </c>
      <c r="H24" s="17">
        <v>1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2</v>
      </c>
      <c r="H27" s="19">
        <v>1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2</v>
      </c>
      <c r="H36" s="17">
        <v>1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2</v>
      </c>
      <c r="H40" s="19">
        <v>1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0</v>
      </c>
      <c r="D42" s="17">
        <v>2</v>
      </c>
      <c r="F42" s="16" t="s">
        <v>33</v>
      </c>
      <c r="G42" s="17">
        <v>1</v>
      </c>
      <c r="H42" s="17">
        <v>1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1</v>
      </c>
      <c r="H46" s="19">
        <v>1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2</v>
      </c>
      <c r="C47" s="21">
        <v>0</v>
      </c>
      <c r="D47" s="21">
        <v>2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83</v>
      </c>
      <c r="C1" s="3"/>
      <c r="D1" s="4" t="s">
        <v>284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85</v>
      </c>
      <c r="C1" s="3"/>
      <c r="D1" s="4" t="s">
        <v>286</v>
      </c>
      <c r="E1" s="5" t="s">
        <v>238</v>
      </c>
    </row>
    <row r="2" spans="1:14">
      <c r="A2" s="8" t="s">
        <v>4</v>
      </c>
      <c r="B2" s="9">
        <f>SUM(C2:D2)</f>
        <v>16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1</v>
      </c>
      <c r="D18" s="17">
        <v>1</v>
      </c>
      <c r="F18" s="16" t="s">
        <v>21</v>
      </c>
      <c r="G18" s="17">
        <v>3</v>
      </c>
      <c r="H18" s="17">
        <v>0</v>
      </c>
      <c r="I18" s="17">
        <v>3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1</v>
      </c>
      <c r="C19" s="19">
        <v>0</v>
      </c>
      <c r="D19" s="19">
        <v>1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2</v>
      </c>
      <c r="C24" s="17">
        <v>1</v>
      </c>
      <c r="D24" s="17">
        <v>1</v>
      </c>
      <c r="F24" s="16" t="s">
        <v>24</v>
      </c>
      <c r="G24" s="17">
        <v>3</v>
      </c>
      <c r="H24" s="17">
        <v>1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0</v>
      </c>
      <c r="D25" s="19">
        <v>1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1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2</v>
      </c>
      <c r="H36" s="17">
        <v>0</v>
      </c>
      <c r="I36" s="17">
        <v>2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87</v>
      </c>
      <c r="C1" s="3"/>
      <c r="D1" s="4" t="s">
        <v>288</v>
      </c>
      <c r="E1" s="5" t="s">
        <v>238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89</v>
      </c>
      <c r="C1" s="3"/>
      <c r="D1" s="4" t="s">
        <v>290</v>
      </c>
      <c r="E1" s="5" t="s">
        <v>238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91</v>
      </c>
      <c r="C1" s="3"/>
      <c r="D1" s="4" t="s">
        <v>292</v>
      </c>
      <c r="E1" s="5" t="s">
        <v>238</v>
      </c>
    </row>
    <row r="2" spans="1:14">
      <c r="A2" s="8" t="s">
        <v>4</v>
      </c>
      <c r="B2" s="9">
        <f>SUM(C2:D2)</f>
        <v>14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4</v>
      </c>
      <c r="H6" s="17">
        <v>3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0</v>
      </c>
      <c r="D18" s="17">
        <v>2</v>
      </c>
      <c r="F18" s="16" t="s">
        <v>21</v>
      </c>
      <c r="G18" s="17">
        <v>3</v>
      </c>
      <c r="H18" s="17">
        <v>1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1</v>
      </c>
      <c r="C19" s="19">
        <v>0</v>
      </c>
      <c r="D19" s="19">
        <v>1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1</v>
      </c>
      <c r="C22" s="19">
        <v>0</v>
      </c>
      <c r="D22" s="19">
        <v>1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</v>
      </c>
      <c r="C1" s="3"/>
      <c r="D1" s="4" t="s">
        <v>60</v>
      </c>
      <c r="E1" s="5" t="s">
        <v>3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93</v>
      </c>
      <c r="C1" s="3"/>
      <c r="D1" s="4" t="s">
        <v>294</v>
      </c>
      <c r="E1" s="5" t="s">
        <v>238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0</v>
      </c>
      <c r="D6" s="17">
        <v>2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0</v>
      </c>
      <c r="D15" s="19">
        <v>1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2</v>
      </c>
      <c r="H42" s="17">
        <v>0</v>
      </c>
      <c r="I42" s="17">
        <v>2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95</v>
      </c>
      <c r="C1" s="3"/>
      <c r="D1" s="4" t="s">
        <v>296</v>
      </c>
      <c r="E1" s="5" t="s">
        <v>2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1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97</v>
      </c>
      <c r="C1" s="3"/>
      <c r="D1" s="4" t="s">
        <v>298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99</v>
      </c>
      <c r="C1" s="3"/>
      <c r="D1" s="4" t="s">
        <v>300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01</v>
      </c>
      <c r="C1" s="3"/>
      <c r="D1" s="4" t="s">
        <v>302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03</v>
      </c>
      <c r="C1" s="3"/>
      <c r="D1" s="4" t="s">
        <v>304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05</v>
      </c>
      <c r="C1" s="3"/>
      <c r="D1" s="4" t="s">
        <v>306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07</v>
      </c>
      <c r="C1" s="3"/>
      <c r="D1" s="4" t="s">
        <v>308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09</v>
      </c>
      <c r="C1" s="3"/>
      <c r="D1" s="4" t="s">
        <v>310</v>
      </c>
      <c r="E1" s="5" t="s">
        <v>2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11</v>
      </c>
      <c r="C1" s="3"/>
      <c r="D1" s="4" t="s">
        <v>2</v>
      </c>
      <c r="E1" s="5" t="s">
        <v>312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</v>
      </c>
      <c r="C1" s="3"/>
      <c r="D1" s="4" t="s">
        <v>62</v>
      </c>
      <c r="E1" s="5" t="s">
        <v>3</v>
      </c>
    </row>
    <row r="2" spans="1:14">
      <c r="A2" s="8" t="s">
        <v>4</v>
      </c>
      <c r="B2" s="9">
        <f>SUM(C2:D2)</f>
        <v>19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1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3</v>
      </c>
      <c r="H6" s="17">
        <v>0</v>
      </c>
      <c r="I6" s="17">
        <v>3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1</v>
      </c>
      <c r="D18" s="17">
        <v>1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0</v>
      </c>
      <c r="D23" s="21">
        <v>1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4</v>
      </c>
      <c r="H36" s="17">
        <v>1</v>
      </c>
      <c r="I36" s="17">
        <v>3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3</v>
      </c>
      <c r="H40" s="19">
        <v>0</v>
      </c>
      <c r="I40" s="19">
        <v>3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4</v>
      </c>
      <c r="H42" s="17">
        <v>1</v>
      </c>
      <c r="I42" s="17">
        <v>3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2</v>
      </c>
      <c r="H43" s="19">
        <v>0</v>
      </c>
      <c r="I43" s="19">
        <v>2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1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13</v>
      </c>
      <c r="C1" s="3"/>
      <c r="D1" s="4" t="s">
        <v>314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15</v>
      </c>
      <c r="C1" s="3"/>
      <c r="D1" s="4" t="s">
        <v>316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17</v>
      </c>
      <c r="C1" s="3"/>
      <c r="D1" s="4" t="s">
        <v>318</v>
      </c>
      <c r="E1" s="5" t="s">
        <v>31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19</v>
      </c>
      <c r="C1" s="3"/>
      <c r="D1" s="4" t="s">
        <v>320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21</v>
      </c>
      <c r="C1" s="3"/>
      <c r="D1" s="4" t="s">
        <v>322</v>
      </c>
      <c r="E1" s="5" t="s">
        <v>31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23</v>
      </c>
      <c r="C1" s="3"/>
      <c r="D1" s="4" t="s">
        <v>324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25</v>
      </c>
      <c r="C1" s="3"/>
      <c r="D1" s="4" t="s">
        <v>326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27</v>
      </c>
      <c r="C1" s="3"/>
      <c r="D1" s="4" t="s">
        <v>328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29</v>
      </c>
      <c r="C1" s="3"/>
      <c r="D1" s="4" t="s">
        <v>330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31</v>
      </c>
      <c r="C1" s="3"/>
      <c r="D1" s="4" t="s">
        <v>332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</v>
      </c>
      <c r="C1" s="3"/>
      <c r="D1" s="4" t="s">
        <v>64</v>
      </c>
      <c r="E1" s="5" t="s">
        <v>3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9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3</v>
      </c>
      <c r="H6" s="17">
        <v>3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2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1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3</v>
      </c>
      <c r="H30" s="17">
        <v>1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1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1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33</v>
      </c>
      <c r="C1" s="3"/>
      <c r="D1" s="4" t="s">
        <v>334</v>
      </c>
      <c r="E1" s="5" t="s">
        <v>31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35</v>
      </c>
      <c r="C1" s="3"/>
      <c r="D1" s="4" t="s">
        <v>2</v>
      </c>
      <c r="E1" s="5" t="s">
        <v>336</v>
      </c>
    </row>
    <row r="2" spans="1:14">
      <c r="A2" s="8" t="s">
        <v>4</v>
      </c>
      <c r="B2" s="9">
        <f>SUM(C2:D2)</f>
        <v>74</v>
      </c>
      <c r="C2" s="9">
        <f>SUM(C6+C12+C18+C24+C30+C36+C42+H6+H12+H18+H24+H30+H36+H42+M6+M12+M18+M24+M30+M36+M42+M44+M46)</f>
        <v>35</v>
      </c>
      <c r="D2" s="9">
        <f>SUM(D6+D12+D18+D24+D30+D36+D42+I6+I12+I18+I24+I30+I36+I42+N6+N12+N18+N24+N30+N36+N42+N44+N46)</f>
        <v>39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6</v>
      </c>
      <c r="H6" s="17">
        <v>5</v>
      </c>
      <c r="I6" s="17">
        <v>1</v>
      </c>
      <c r="K6" s="16" t="s">
        <v>15</v>
      </c>
      <c r="L6" s="17">
        <v>2</v>
      </c>
      <c r="M6" s="17">
        <v>0</v>
      </c>
      <c r="N6" s="17">
        <v>2</v>
      </c>
    </row>
    <row r="7" spans="1:14">
      <c r="A7" s="18" t="s">
        <v>16</v>
      </c>
      <c r="B7" s="19">
        <v>1</v>
      </c>
      <c r="C7" s="19">
        <v>0</v>
      </c>
      <c r="D7" s="19">
        <v>1</v>
      </c>
      <c r="F7" s="18">
        <v>35</v>
      </c>
      <c r="G7" s="19">
        <v>3</v>
      </c>
      <c r="H7" s="19">
        <v>3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3</v>
      </c>
      <c r="H12" s="17">
        <v>2</v>
      </c>
      <c r="I12" s="17">
        <v>1</v>
      </c>
      <c r="K12" s="16" t="s">
        <v>19</v>
      </c>
      <c r="L12" s="17">
        <v>2</v>
      </c>
      <c r="M12" s="17">
        <v>0</v>
      </c>
      <c r="N12" s="17">
        <v>2</v>
      </c>
    </row>
    <row r="13" spans="1:14">
      <c r="A13" s="18">
        <v>5</v>
      </c>
      <c r="B13" s="19">
        <v>1</v>
      </c>
      <c r="C13" s="19">
        <v>0</v>
      </c>
      <c r="D13" s="19">
        <v>1</v>
      </c>
      <c r="F13" s="18">
        <v>40</v>
      </c>
      <c r="G13" s="19">
        <v>2</v>
      </c>
      <c r="H13" s="19">
        <v>1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1</v>
      </c>
      <c r="M16" s="19">
        <v>0</v>
      </c>
      <c r="N16" s="19">
        <v>1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5</v>
      </c>
      <c r="H24" s="17">
        <v>0</v>
      </c>
      <c r="I24" s="17">
        <v>5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3</v>
      </c>
      <c r="H28" s="19">
        <v>0</v>
      </c>
      <c r="I28" s="19">
        <v>3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6</v>
      </c>
      <c r="C30" s="17">
        <v>6</v>
      </c>
      <c r="D30" s="17">
        <v>1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3</v>
      </c>
      <c r="C32" s="19">
        <v>1</v>
      </c>
      <c r="D32" s="19">
        <v>2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0</v>
      </c>
      <c r="D33" s="19">
        <v>2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6</v>
      </c>
      <c r="C34" s="19">
        <v>3</v>
      </c>
      <c r="D34" s="19">
        <v>3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4</v>
      </c>
      <c r="C35" s="21">
        <v>2</v>
      </c>
      <c r="D35" s="21">
        <v>2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5</v>
      </c>
      <c r="C36" s="17">
        <v>6</v>
      </c>
      <c r="D36" s="17">
        <v>9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0</v>
      </c>
      <c r="D38" s="19">
        <v>2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5</v>
      </c>
      <c r="C39" s="19">
        <v>3</v>
      </c>
      <c r="D39" s="19">
        <v>2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2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3</v>
      </c>
      <c r="C41" s="21">
        <v>1</v>
      </c>
      <c r="D41" s="21">
        <v>2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8</v>
      </c>
      <c r="C42" s="17">
        <v>13</v>
      </c>
      <c r="D42" s="17">
        <v>5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1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3</v>
      </c>
      <c r="C44" s="19">
        <v>2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1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6</v>
      </c>
      <c r="C46" s="19">
        <v>4</v>
      </c>
      <c r="D46" s="19">
        <v>2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5</v>
      </c>
      <c r="C47" s="21">
        <v>5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37</v>
      </c>
      <c r="C1" s="3"/>
      <c r="D1" s="4" t="s">
        <v>338</v>
      </c>
      <c r="E1" s="5" t="s">
        <v>336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39</v>
      </c>
      <c r="C1" s="3"/>
      <c r="D1" s="4" t="s">
        <v>340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41</v>
      </c>
      <c r="C1" s="3"/>
      <c r="D1" s="4" t="s">
        <v>342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43</v>
      </c>
      <c r="C1" s="3"/>
      <c r="D1" s="4" t="s">
        <v>344</v>
      </c>
      <c r="E1" s="5" t="s">
        <v>336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45</v>
      </c>
      <c r="C1" s="3"/>
      <c r="D1" s="4" t="s">
        <v>346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47</v>
      </c>
      <c r="C1" s="3"/>
      <c r="D1" s="4" t="s">
        <v>348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49</v>
      </c>
      <c r="C1" s="3"/>
      <c r="D1" s="4" t="s">
        <v>350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51</v>
      </c>
      <c r="C1" s="3"/>
      <c r="D1" s="4" t="s">
        <v>352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</v>
      </c>
      <c r="C1" s="3"/>
      <c r="D1" s="4" t="s">
        <v>2</v>
      </c>
      <c r="E1" s="5" t="s">
        <v>66</v>
      </c>
    </row>
    <row r="2" spans="1:14">
      <c r="A2" s="8" t="s">
        <v>4</v>
      </c>
      <c r="B2" s="9">
        <f>SUM(C2:D2)</f>
        <v>45</v>
      </c>
      <c r="C2" s="9">
        <f>SUM(C6+C12+C18+C24+C30+C36+C42+H6+H12+H18+H24+H30+H36+H42+M6+M12+M18+M24+M30+M36+M42+M44+M46)</f>
        <v>14</v>
      </c>
      <c r="D2" s="9">
        <f>SUM(D6+D12+D18+D24+D30+D36+D42+I6+I12+I18+I24+I30+I36+I42+N6+N12+N18+N24+N30+N36+N42+N44+N46)</f>
        <v>3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1</v>
      </c>
      <c r="D6" s="17">
        <v>1</v>
      </c>
      <c r="F6" s="16" t="s">
        <v>14</v>
      </c>
      <c r="G6" s="17">
        <v>5</v>
      </c>
      <c r="H6" s="17">
        <v>3</v>
      </c>
      <c r="I6" s="17">
        <v>2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2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1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3</v>
      </c>
      <c r="H9" s="19">
        <v>1</v>
      </c>
      <c r="I9" s="19">
        <v>2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1</v>
      </c>
      <c r="C10" s="19">
        <v>1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3</v>
      </c>
      <c r="H12" s="17">
        <v>1</v>
      </c>
      <c r="I12" s="17">
        <v>2</v>
      </c>
      <c r="K12" s="16" t="s">
        <v>19</v>
      </c>
      <c r="L12" s="17">
        <v>4</v>
      </c>
      <c r="M12" s="17">
        <v>1</v>
      </c>
      <c r="N12" s="17">
        <v>3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2</v>
      </c>
      <c r="M14" s="19">
        <v>0</v>
      </c>
      <c r="N14" s="19">
        <v>2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1</v>
      </c>
      <c r="M15" s="19">
        <v>1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0</v>
      </c>
      <c r="D17" s="21">
        <v>1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3</v>
      </c>
      <c r="H18" s="17">
        <v>1</v>
      </c>
      <c r="I18" s="17">
        <v>2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2</v>
      </c>
      <c r="H23" s="21">
        <v>1</v>
      </c>
      <c r="I23" s="21">
        <v>1</v>
      </c>
      <c r="K23" s="20">
        <v>84</v>
      </c>
      <c r="L23" s="19">
        <v>1</v>
      </c>
      <c r="M23" s="21">
        <v>0</v>
      </c>
      <c r="N23" s="21">
        <v>1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5</v>
      </c>
      <c r="H24" s="17">
        <v>0</v>
      </c>
      <c r="I24" s="17">
        <v>5</v>
      </c>
      <c r="K24" s="16" t="s">
        <v>25</v>
      </c>
      <c r="L24" s="17">
        <v>1</v>
      </c>
      <c r="M24" s="17">
        <v>1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2</v>
      </c>
      <c r="H25" s="19">
        <v>0</v>
      </c>
      <c r="I25" s="19">
        <v>2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1</v>
      </c>
      <c r="M26" s="19">
        <v>1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1</v>
      </c>
      <c r="D30" s="17">
        <v>1</v>
      </c>
      <c r="F30" s="16" t="s">
        <v>27</v>
      </c>
      <c r="G30" s="17">
        <v>4</v>
      </c>
      <c r="H30" s="17">
        <v>1</v>
      </c>
      <c r="I30" s="17">
        <v>3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2</v>
      </c>
      <c r="H31" s="19">
        <v>1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8</v>
      </c>
      <c r="C36" s="17">
        <v>3</v>
      </c>
      <c r="D36" s="17">
        <v>5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1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0</v>
      </c>
      <c r="D39" s="19">
        <v>3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0</v>
      </c>
      <c r="D42" s="17">
        <v>2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53</v>
      </c>
      <c r="C1" s="3"/>
      <c r="D1" s="4" t="s">
        <v>354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55</v>
      </c>
      <c r="C1" s="3"/>
      <c r="D1" s="4" t="s">
        <v>356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57</v>
      </c>
      <c r="C1" s="3"/>
      <c r="D1" s="4" t="s">
        <v>358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59</v>
      </c>
      <c r="C1" s="3"/>
      <c r="D1" s="4" t="s">
        <v>360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61</v>
      </c>
      <c r="C1" s="3"/>
      <c r="D1" s="4" t="s">
        <v>362</v>
      </c>
      <c r="E1" s="5" t="s">
        <v>336</v>
      </c>
    </row>
    <row r="2" spans="1:14">
      <c r="A2" s="8" t="s">
        <v>4</v>
      </c>
      <c r="B2" s="9">
        <f>SUM(C2:D2)</f>
        <v>2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2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1</v>
      </c>
      <c r="M16" s="19">
        <v>0</v>
      </c>
      <c r="N16" s="19">
        <v>1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6</v>
      </c>
      <c r="C30" s="17">
        <v>0</v>
      </c>
      <c r="D30" s="17">
        <v>6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0</v>
      </c>
      <c r="D33" s="19">
        <v>2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2</v>
      </c>
      <c r="C34" s="19">
        <v>0</v>
      </c>
      <c r="D34" s="19">
        <v>2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9</v>
      </c>
      <c r="C36" s="17">
        <v>1</v>
      </c>
      <c r="D36" s="17">
        <v>8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0</v>
      </c>
      <c r="D38" s="19">
        <v>2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1</v>
      </c>
      <c r="D39" s="19">
        <v>2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2</v>
      </c>
      <c r="C41" s="21">
        <v>0</v>
      </c>
      <c r="D41" s="21">
        <v>2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5</v>
      </c>
      <c r="C42" s="17">
        <v>0</v>
      </c>
      <c r="D42" s="17">
        <v>5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0</v>
      </c>
      <c r="D46" s="19">
        <v>2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63</v>
      </c>
      <c r="C1" s="3"/>
      <c r="D1" s="4" t="s">
        <v>364</v>
      </c>
      <c r="E1" s="5" t="s">
        <v>336</v>
      </c>
    </row>
    <row r="2" spans="1:14">
      <c r="A2" s="8" t="s">
        <v>4</v>
      </c>
      <c r="B2" s="9">
        <f>SUM(C2:D2)</f>
        <v>12</v>
      </c>
      <c r="C2" s="9">
        <f>SUM(C6+C12+C18+C24+C30+C36+C42+H6+H12+H18+H24+H30+H36+H42+M6+M12+M18+M24+M30+M36+M42+M44+M46)</f>
        <v>12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6</v>
      </c>
      <c r="C42" s="17">
        <v>6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2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2</v>
      </c>
      <c r="C47" s="21">
        <v>2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65</v>
      </c>
      <c r="C1" s="3"/>
      <c r="D1" s="4" t="s">
        <v>366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67</v>
      </c>
      <c r="C1" s="3"/>
      <c r="D1" s="4" t="s">
        <v>368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69</v>
      </c>
      <c r="C1" s="3"/>
      <c r="D1" s="4" t="s">
        <v>370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1</v>
      </c>
      <c r="C1" s="3"/>
      <c r="D1" s="4" t="s">
        <v>372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</v>
      </c>
      <c r="C1" s="3"/>
      <c r="D1" s="4" t="s">
        <v>68</v>
      </c>
      <c r="E1" s="5" t="s">
        <v>6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3</v>
      </c>
      <c r="C1" s="3"/>
      <c r="D1" s="4" t="s">
        <v>374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5</v>
      </c>
      <c r="C1" s="3"/>
      <c r="D1" s="4" t="s">
        <v>376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7</v>
      </c>
      <c r="C1" s="3"/>
      <c r="D1" s="4" t="s">
        <v>378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9</v>
      </c>
      <c r="C1" s="3"/>
      <c r="D1" s="4" t="s">
        <v>380</v>
      </c>
      <c r="E1" s="5" t="s">
        <v>33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81</v>
      </c>
      <c r="C1" s="3"/>
      <c r="D1" s="4" t="s">
        <v>382</v>
      </c>
      <c r="E1" s="5" t="s">
        <v>336</v>
      </c>
    </row>
    <row r="2" spans="1:14">
      <c r="A2" s="8" t="s">
        <v>4</v>
      </c>
      <c r="B2" s="9">
        <f>SUM(C2:D2)</f>
        <v>22</v>
      </c>
      <c r="C2" s="9">
        <f>SUM(C6+C12+C18+C24+C30+C36+C42+H6+H12+H18+H24+H30+H36+H42+M6+M12+M18+M24+M30+M36+M42+M44+M46)</f>
        <v>13</v>
      </c>
      <c r="D2" s="9">
        <f>SUM(D6+D12+D18+D24+D30+D36+D42+I6+I12+I18+I24+I30+I36+I42+N6+N12+N18+N24+N30+N36+N42+N44+N46)</f>
        <v>9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1</v>
      </c>
      <c r="C7" s="19">
        <v>0</v>
      </c>
      <c r="D7" s="19">
        <v>1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0</v>
      </c>
      <c r="D13" s="19">
        <v>1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6</v>
      </c>
      <c r="C30" s="17">
        <v>2</v>
      </c>
      <c r="D30" s="17">
        <v>4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1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2</v>
      </c>
      <c r="C34" s="19">
        <v>1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3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2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1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4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2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83</v>
      </c>
      <c r="C1" s="3"/>
      <c r="D1" s="4" t="s">
        <v>384</v>
      </c>
      <c r="E1" s="5" t="s">
        <v>336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85</v>
      </c>
      <c r="C1" s="3"/>
      <c r="D1" s="4" t="s">
        <v>386</v>
      </c>
      <c r="E1" s="5" t="s">
        <v>336</v>
      </c>
    </row>
    <row r="2" spans="1:14">
      <c r="A2" s="8" t="s">
        <v>4</v>
      </c>
      <c r="B2" s="9">
        <f>SUM(C2:D2)</f>
        <v>10</v>
      </c>
      <c r="C2" s="9">
        <f>SUM(C6+C12+C18+C24+C30+C36+C42+H6+H12+H18+H24+H30+H36+H42+M6+M12+M18+M24+M30+M36+M42+M44+M46)</f>
        <v>8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3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3</v>
      </c>
      <c r="C47" s="21">
        <v>3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87</v>
      </c>
      <c r="C1" s="3"/>
      <c r="D1" s="4" t="s">
        <v>388</v>
      </c>
      <c r="E1" s="5" t="s">
        <v>336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89</v>
      </c>
      <c r="C1" s="3"/>
      <c r="D1" s="4" t="s">
        <v>390</v>
      </c>
      <c r="E1" s="5" t="s">
        <v>336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1</v>
      </c>
      <c r="C1" s="3"/>
      <c r="D1" s="4" t="s">
        <v>2</v>
      </c>
      <c r="E1" s="5" t="s">
        <v>392</v>
      </c>
    </row>
    <row r="2" spans="1:14">
      <c r="A2" s="8" t="s">
        <v>4</v>
      </c>
      <c r="B2" s="9">
        <f>SUM(C2:D2)</f>
        <v>46</v>
      </c>
      <c r="C2" s="9">
        <f>SUM(C6+C12+C18+C24+C30+C36+C42+H6+H12+H18+H24+H30+H36+H42+M6+M12+M18+M24+M30+M36+M42+M44+M46)</f>
        <v>34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5</v>
      </c>
      <c r="H12" s="17">
        <v>2</v>
      </c>
      <c r="I12" s="17">
        <v>3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1</v>
      </c>
      <c r="I13" s="19">
        <v>1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2</v>
      </c>
      <c r="H16" s="19">
        <v>0</v>
      </c>
      <c r="I16" s="19">
        <v>2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0</v>
      </c>
      <c r="D17" s="21">
        <v>1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1</v>
      </c>
      <c r="C30" s="17">
        <v>11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3</v>
      </c>
      <c r="C31" s="19">
        <v>3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3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4</v>
      </c>
      <c r="C35" s="21">
        <v>4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8</v>
      </c>
      <c r="C36" s="17">
        <v>7</v>
      </c>
      <c r="D36" s="17">
        <v>1</v>
      </c>
      <c r="F36" s="16" t="s">
        <v>30</v>
      </c>
      <c r="G36" s="17">
        <v>3</v>
      </c>
      <c r="H36" s="17">
        <v>1</v>
      </c>
      <c r="I36" s="17">
        <v>2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3</v>
      </c>
      <c r="C38" s="19">
        <v>2</v>
      </c>
      <c r="D38" s="19">
        <v>1</v>
      </c>
      <c r="F38" s="18">
        <v>61</v>
      </c>
      <c r="G38" s="19">
        <v>2</v>
      </c>
      <c r="H38" s="19">
        <v>0</v>
      </c>
      <c r="I38" s="19">
        <v>2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2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1</v>
      </c>
      <c r="H40" s="19">
        <v>1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8</v>
      </c>
      <c r="C42" s="17">
        <v>8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2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2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2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</v>
      </c>
      <c r="C1" s="3"/>
      <c r="D1" s="4" t="s">
        <v>70</v>
      </c>
      <c r="E1" s="5" t="s">
        <v>66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3</v>
      </c>
      <c r="C1" s="3"/>
      <c r="D1" s="4" t="s">
        <v>394</v>
      </c>
      <c r="E1" s="5" t="s">
        <v>392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5</v>
      </c>
      <c r="C1" s="3"/>
      <c r="D1" s="4" t="s">
        <v>396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7</v>
      </c>
      <c r="C1" s="3"/>
      <c r="D1" s="4" t="s">
        <v>39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9</v>
      </c>
      <c r="C1" s="3"/>
      <c r="D1" s="4" t="s">
        <v>400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01</v>
      </c>
      <c r="C1" s="3"/>
      <c r="D1" s="4" t="s">
        <v>402</v>
      </c>
      <c r="E1" s="5" t="s">
        <v>392</v>
      </c>
    </row>
    <row r="2" spans="1:14">
      <c r="A2" s="8" t="s">
        <v>4</v>
      </c>
      <c r="B2" s="9">
        <f>SUM(C2:D2)</f>
        <v>23</v>
      </c>
      <c r="C2" s="9">
        <f>SUM(C6+C12+C18+C24+C30+C36+C42+H6+H12+H18+H24+H30+H36+H42+M6+M12+M18+M24+M30+M36+M42+M44+M46)</f>
        <v>2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8</v>
      </c>
      <c r="C30" s="17">
        <v>8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3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3</v>
      </c>
      <c r="C35" s="21">
        <v>3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6</v>
      </c>
      <c r="C36" s="17">
        <v>6</v>
      </c>
      <c r="D36" s="17">
        <v>0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2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1</v>
      </c>
      <c r="H40" s="19">
        <v>1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7</v>
      </c>
      <c r="C42" s="17">
        <v>7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2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2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03</v>
      </c>
      <c r="C1" s="3"/>
      <c r="D1" s="4" t="s">
        <v>404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05</v>
      </c>
      <c r="C1" s="3"/>
      <c r="D1" s="4" t="s">
        <v>406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07</v>
      </c>
      <c r="C1" s="3"/>
      <c r="D1" s="4" t="s">
        <v>40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09</v>
      </c>
      <c r="C1" s="3"/>
      <c r="D1" s="4" t="s">
        <v>410</v>
      </c>
      <c r="E1" s="5" t="s">
        <v>392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1</v>
      </c>
      <c r="C1" s="3"/>
      <c r="D1" s="4" t="s">
        <v>412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</v>
      </c>
      <c r="C1" s="3"/>
      <c r="D1" s="4" t="s">
        <v>72</v>
      </c>
      <c r="E1" s="5" t="s">
        <v>66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1</v>
      </c>
      <c r="M15" s="19">
        <v>1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3</v>
      </c>
      <c r="C1" s="3"/>
      <c r="D1" s="4" t="s">
        <v>414</v>
      </c>
      <c r="E1" s="5" t="s">
        <v>39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5</v>
      </c>
      <c r="C1" s="3"/>
      <c r="D1" s="4" t="s">
        <v>416</v>
      </c>
      <c r="E1" s="5" t="s">
        <v>39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7</v>
      </c>
      <c r="C1" s="3"/>
      <c r="D1" s="4" t="s">
        <v>41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9</v>
      </c>
      <c r="C1" s="3"/>
      <c r="D1" s="4" t="s">
        <v>420</v>
      </c>
      <c r="E1" s="5" t="s">
        <v>392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21</v>
      </c>
      <c r="C1" s="3"/>
      <c r="D1" s="4" t="s">
        <v>422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23</v>
      </c>
      <c r="C1" s="3"/>
      <c r="D1" s="4" t="s">
        <v>424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25</v>
      </c>
      <c r="C1" s="3"/>
      <c r="D1" s="4" t="s">
        <v>426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27</v>
      </c>
      <c r="C1" s="3"/>
      <c r="D1" s="4" t="s">
        <v>42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29</v>
      </c>
      <c r="C1" s="3"/>
      <c r="D1" s="4" t="s">
        <v>430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1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1</v>
      </c>
      <c r="C1" s="3"/>
      <c r="D1" s="4" t="s">
        <v>432</v>
      </c>
      <c r="E1" s="5" t="s">
        <v>39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7</v>
      </c>
      <c r="C1" s="3"/>
      <c r="D1" s="4" t="s">
        <v>38</v>
      </c>
      <c r="E1" s="5" t="s">
        <v>3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</v>
      </c>
      <c r="C1" s="3"/>
      <c r="D1" s="4" t="s">
        <v>74</v>
      </c>
      <c r="E1" s="5" t="s">
        <v>6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3</v>
      </c>
      <c r="C1" s="3"/>
      <c r="D1" s="4" t="s">
        <v>434</v>
      </c>
      <c r="E1" s="5" t="s">
        <v>392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5</v>
      </c>
      <c r="C1" s="3"/>
      <c r="D1" s="4" t="s">
        <v>436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7</v>
      </c>
      <c r="C1" s="3"/>
      <c r="D1" s="4" t="s">
        <v>43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9</v>
      </c>
      <c r="C1" s="3"/>
      <c r="D1" s="4" t="s">
        <v>440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41</v>
      </c>
      <c r="C1" s="3"/>
      <c r="D1" s="4" t="s">
        <v>442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43</v>
      </c>
      <c r="C1" s="3"/>
      <c r="D1" s="4" t="s">
        <v>444</v>
      </c>
      <c r="E1" s="5" t="s">
        <v>392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45</v>
      </c>
      <c r="C1" s="3"/>
      <c r="D1" s="4" t="s">
        <v>446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47</v>
      </c>
      <c r="C1" s="3"/>
      <c r="D1" s="4" t="s">
        <v>448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49</v>
      </c>
      <c r="C1" s="3"/>
      <c r="D1" s="4" t="s">
        <v>450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1</v>
      </c>
      <c r="C1" s="3"/>
      <c r="D1" s="4" t="s">
        <v>452</v>
      </c>
      <c r="E1" s="5" t="s">
        <v>39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</v>
      </c>
      <c r="C1" s="3"/>
      <c r="D1" s="4" t="s">
        <v>76</v>
      </c>
      <c r="E1" s="5" t="s">
        <v>66</v>
      </c>
    </row>
    <row r="2" spans="1:14">
      <c r="A2" s="8" t="s">
        <v>4</v>
      </c>
      <c r="B2" s="9">
        <f>SUM(C2:D2)</f>
        <v>1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1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0</v>
      </c>
      <c r="I9" s="19">
        <v>1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2</v>
      </c>
      <c r="M12" s="17">
        <v>0</v>
      </c>
      <c r="N12" s="17">
        <v>2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1</v>
      </c>
      <c r="M14" s="19">
        <v>0</v>
      </c>
      <c r="N14" s="19">
        <v>1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6</v>
      </c>
      <c r="C36" s="17">
        <v>1</v>
      </c>
      <c r="D36" s="17">
        <v>5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0</v>
      </c>
      <c r="D39" s="19">
        <v>3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3</v>
      </c>
      <c r="C1" s="3"/>
      <c r="D1" s="4" t="s">
        <v>454</v>
      </c>
      <c r="E1" s="5" t="s">
        <v>39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5</v>
      </c>
      <c r="C1" s="3"/>
      <c r="D1" s="4" t="s">
        <v>456</v>
      </c>
      <c r="E1" s="5" t="s">
        <v>392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0</v>
      </c>
      <c r="D17" s="21">
        <v>1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7</v>
      </c>
      <c r="C1" s="3"/>
      <c r="D1" s="4" t="s">
        <v>458</v>
      </c>
      <c r="E1" s="5" t="s">
        <v>392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2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9</v>
      </c>
      <c r="C1" s="3"/>
      <c r="D1" s="4" t="s">
        <v>2</v>
      </c>
      <c r="E1" s="5" t="s">
        <v>460</v>
      </c>
    </row>
    <row r="2" spans="1:14">
      <c r="A2" s="8" t="s">
        <v>4</v>
      </c>
      <c r="B2" s="9">
        <f>SUM(C2:D2)</f>
        <v>172</v>
      </c>
      <c r="C2" s="9">
        <f>SUM(C6+C12+C18+C24+C30+C36+C42+H6+H12+H18+H24+H30+H36+H42+M6+M12+M18+M24+M30+M36+M42+M44+M46)</f>
        <v>79</v>
      </c>
      <c r="D2" s="9">
        <f>SUM(D6+D12+D18+D24+D30+D36+D42+I6+I12+I18+I24+I30+I36+I42+N6+N12+N18+N24+N30+N36+N42+N44+N46)</f>
        <v>9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4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5</v>
      </c>
      <c r="C6" s="17">
        <v>4</v>
      </c>
      <c r="D6" s="17">
        <v>1</v>
      </c>
      <c r="F6" s="16" t="s">
        <v>14</v>
      </c>
      <c r="G6" s="17">
        <v>18</v>
      </c>
      <c r="H6" s="17">
        <v>9</v>
      </c>
      <c r="I6" s="17">
        <v>9</v>
      </c>
      <c r="K6" s="16" t="s">
        <v>15</v>
      </c>
      <c r="L6" s="17">
        <v>3</v>
      </c>
      <c r="M6" s="17">
        <v>0</v>
      </c>
      <c r="N6" s="17">
        <v>3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6</v>
      </c>
      <c r="H7" s="19">
        <v>3</v>
      </c>
      <c r="I7" s="19">
        <v>3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2</v>
      </c>
      <c r="H8" s="19">
        <v>1</v>
      </c>
      <c r="I8" s="19">
        <v>1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1</v>
      </c>
      <c r="C9" s="19">
        <v>1</v>
      </c>
      <c r="D9" s="19">
        <v>0</v>
      </c>
      <c r="F9" s="18">
        <v>37</v>
      </c>
      <c r="G9" s="19">
        <v>1</v>
      </c>
      <c r="H9" s="19">
        <v>0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4</v>
      </c>
      <c r="H10" s="19">
        <v>3</v>
      </c>
      <c r="I10" s="19">
        <v>1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1</v>
      </c>
      <c r="C11" s="21">
        <v>1</v>
      </c>
      <c r="D11" s="21">
        <v>0</v>
      </c>
      <c r="F11" s="20">
        <v>39</v>
      </c>
      <c r="G11" s="19">
        <v>5</v>
      </c>
      <c r="H11" s="21">
        <v>2</v>
      </c>
      <c r="I11" s="21">
        <v>3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3</v>
      </c>
      <c r="C12" s="17">
        <v>3</v>
      </c>
      <c r="D12" s="17">
        <v>0</v>
      </c>
      <c r="F12" s="16" t="s">
        <v>18</v>
      </c>
      <c r="G12" s="17">
        <v>9</v>
      </c>
      <c r="H12" s="17">
        <v>5</v>
      </c>
      <c r="I12" s="17">
        <v>4</v>
      </c>
      <c r="K12" s="16" t="s">
        <v>19</v>
      </c>
      <c r="L12" s="17">
        <v>4</v>
      </c>
      <c r="M12" s="17">
        <v>3</v>
      </c>
      <c r="N12" s="17">
        <v>1</v>
      </c>
    </row>
    <row r="13" spans="1:14">
      <c r="A13" s="18">
        <v>5</v>
      </c>
      <c r="B13" s="19">
        <v>1</v>
      </c>
      <c r="C13" s="19">
        <v>1</v>
      </c>
      <c r="D13" s="19">
        <v>0</v>
      </c>
      <c r="F13" s="18">
        <v>40</v>
      </c>
      <c r="G13" s="19">
        <v>2</v>
      </c>
      <c r="H13" s="19">
        <v>2</v>
      </c>
      <c r="I13" s="19">
        <v>0</v>
      </c>
      <c r="K13" s="18">
        <v>75</v>
      </c>
      <c r="L13" s="19">
        <v>1</v>
      </c>
      <c r="M13" s="19">
        <v>1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2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2</v>
      </c>
      <c r="H15" s="19">
        <v>0</v>
      </c>
      <c r="I15" s="19">
        <v>2</v>
      </c>
      <c r="K15" s="18">
        <v>77</v>
      </c>
      <c r="L15" s="19">
        <v>1</v>
      </c>
      <c r="M15" s="19">
        <v>0</v>
      </c>
      <c r="N15" s="19">
        <v>1</v>
      </c>
    </row>
    <row r="16" spans="1:14">
      <c r="A16" s="18">
        <v>8</v>
      </c>
      <c r="B16" s="19">
        <v>1</v>
      </c>
      <c r="C16" s="19">
        <v>1</v>
      </c>
      <c r="D16" s="19">
        <v>0</v>
      </c>
      <c r="F16" s="18">
        <v>43</v>
      </c>
      <c r="G16" s="19">
        <v>2</v>
      </c>
      <c r="H16" s="19">
        <v>1</v>
      </c>
      <c r="I16" s="19">
        <v>1</v>
      </c>
      <c r="K16" s="18">
        <v>78</v>
      </c>
      <c r="L16" s="19">
        <v>1</v>
      </c>
      <c r="M16" s="19">
        <v>1</v>
      </c>
      <c r="N16" s="19">
        <v>0</v>
      </c>
    </row>
    <row r="17" spans="1:14">
      <c r="A17" s="20">
        <v>9</v>
      </c>
      <c r="B17" s="19">
        <v>1</v>
      </c>
      <c r="C17" s="21">
        <v>1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1</v>
      </c>
      <c r="M17" s="21">
        <v>1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0</v>
      </c>
      <c r="H18" s="17">
        <v>3</v>
      </c>
      <c r="I18" s="17">
        <v>7</v>
      </c>
      <c r="K18" s="16" t="s">
        <v>22</v>
      </c>
      <c r="L18" s="17">
        <v>2</v>
      </c>
      <c r="M18" s="17">
        <v>1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4</v>
      </c>
      <c r="H19" s="19">
        <v>2</v>
      </c>
      <c r="I19" s="19">
        <v>2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2</v>
      </c>
      <c r="H22" s="19">
        <v>0</v>
      </c>
      <c r="I22" s="19">
        <v>2</v>
      </c>
      <c r="K22" s="18">
        <v>83</v>
      </c>
      <c r="L22" s="19">
        <v>1</v>
      </c>
      <c r="M22" s="19">
        <v>0</v>
      </c>
      <c r="N22" s="19">
        <v>1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2</v>
      </c>
      <c r="H23" s="21">
        <v>0</v>
      </c>
      <c r="I23" s="21">
        <v>2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3</v>
      </c>
      <c r="D24" s="17">
        <v>0</v>
      </c>
      <c r="F24" s="16" t="s">
        <v>24</v>
      </c>
      <c r="G24" s="17">
        <v>14</v>
      </c>
      <c r="H24" s="17">
        <v>2</v>
      </c>
      <c r="I24" s="17">
        <v>1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3</v>
      </c>
      <c r="H26" s="19">
        <v>0</v>
      </c>
      <c r="I26" s="19">
        <v>3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6</v>
      </c>
      <c r="H27" s="19">
        <v>1</v>
      </c>
      <c r="I27" s="19">
        <v>5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1</v>
      </c>
      <c r="D28" s="19">
        <v>0</v>
      </c>
      <c r="F28" s="18">
        <v>53</v>
      </c>
      <c r="G28" s="19">
        <v>3</v>
      </c>
      <c r="H28" s="19">
        <v>1</v>
      </c>
      <c r="I28" s="19">
        <v>2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2</v>
      </c>
      <c r="H29" s="21">
        <v>0</v>
      </c>
      <c r="I29" s="21">
        <v>2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4</v>
      </c>
      <c r="C30" s="17">
        <v>13</v>
      </c>
      <c r="D30" s="17">
        <v>11</v>
      </c>
      <c r="F30" s="16" t="s">
        <v>27</v>
      </c>
      <c r="G30" s="17">
        <v>10</v>
      </c>
      <c r="H30" s="17">
        <v>5</v>
      </c>
      <c r="I30" s="17">
        <v>5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1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4</v>
      </c>
      <c r="C32" s="19">
        <v>0</v>
      </c>
      <c r="D32" s="19">
        <v>4</v>
      </c>
      <c r="F32" s="18">
        <v>56</v>
      </c>
      <c r="G32" s="19">
        <v>5</v>
      </c>
      <c r="H32" s="19">
        <v>2</v>
      </c>
      <c r="I32" s="19">
        <v>3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2</v>
      </c>
      <c r="H33" s="19">
        <v>2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0</v>
      </c>
      <c r="C34" s="19">
        <v>7</v>
      </c>
      <c r="D34" s="19">
        <v>3</v>
      </c>
      <c r="F34" s="18">
        <v>58</v>
      </c>
      <c r="G34" s="19">
        <v>3</v>
      </c>
      <c r="H34" s="19">
        <v>1</v>
      </c>
      <c r="I34" s="19">
        <v>2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7</v>
      </c>
      <c r="C35" s="21">
        <v>4</v>
      </c>
      <c r="D35" s="21">
        <v>3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2</v>
      </c>
      <c r="C36" s="17">
        <v>17</v>
      </c>
      <c r="D36" s="17">
        <v>15</v>
      </c>
      <c r="F36" s="16" t="s">
        <v>30</v>
      </c>
      <c r="G36" s="17">
        <v>6</v>
      </c>
      <c r="H36" s="17">
        <v>0</v>
      </c>
      <c r="I36" s="17">
        <v>6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4</v>
      </c>
      <c r="C37" s="19">
        <v>3</v>
      </c>
      <c r="D37" s="19">
        <v>1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7</v>
      </c>
      <c r="C38" s="19">
        <v>4</v>
      </c>
      <c r="D38" s="19">
        <v>3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3</v>
      </c>
      <c r="C39" s="19">
        <v>6</v>
      </c>
      <c r="D39" s="19">
        <v>7</v>
      </c>
      <c r="F39" s="18">
        <v>62</v>
      </c>
      <c r="G39" s="19">
        <v>2</v>
      </c>
      <c r="H39" s="19">
        <v>0</v>
      </c>
      <c r="I39" s="19">
        <v>2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0</v>
      </c>
      <c r="D40" s="19">
        <v>2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6</v>
      </c>
      <c r="C41" s="21">
        <v>4</v>
      </c>
      <c r="D41" s="21">
        <v>2</v>
      </c>
      <c r="F41" s="20">
        <v>64</v>
      </c>
      <c r="G41" s="19">
        <v>1</v>
      </c>
      <c r="H41" s="21">
        <v>0</v>
      </c>
      <c r="I41" s="21">
        <v>1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1</v>
      </c>
      <c r="C42" s="17">
        <v>10</v>
      </c>
      <c r="D42" s="17">
        <v>11</v>
      </c>
      <c r="F42" s="16" t="s">
        <v>33</v>
      </c>
      <c r="G42" s="17">
        <v>8</v>
      </c>
      <c r="H42" s="17">
        <v>1</v>
      </c>
      <c r="I42" s="17">
        <v>7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4</v>
      </c>
      <c r="C43" s="19">
        <v>2</v>
      </c>
      <c r="D43" s="19">
        <v>2</v>
      </c>
      <c r="F43" s="18">
        <v>65</v>
      </c>
      <c r="G43" s="19">
        <v>2</v>
      </c>
      <c r="H43" s="19">
        <v>0</v>
      </c>
      <c r="I43" s="19">
        <v>2</v>
      </c>
      <c r="K43" s="18"/>
      <c r="L43" s="19"/>
      <c r="M43" s="19"/>
      <c r="N43" s="19"/>
    </row>
    <row r="44" spans="1:14">
      <c r="A44" s="18">
        <v>31</v>
      </c>
      <c r="B44" s="19">
        <v>6</v>
      </c>
      <c r="C44" s="19">
        <v>4</v>
      </c>
      <c r="D44" s="19">
        <v>2</v>
      </c>
      <c r="F44" s="18">
        <v>66</v>
      </c>
      <c r="G44" s="19">
        <v>3</v>
      </c>
      <c r="H44" s="19">
        <v>0</v>
      </c>
      <c r="I44" s="19">
        <v>3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1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7</v>
      </c>
      <c r="C46" s="19">
        <v>3</v>
      </c>
      <c r="D46" s="19">
        <v>4</v>
      </c>
      <c r="F46" s="18">
        <v>68</v>
      </c>
      <c r="G46" s="19">
        <v>2</v>
      </c>
      <c r="H46" s="19">
        <v>1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2</v>
      </c>
      <c r="C47" s="21">
        <v>0</v>
      </c>
      <c r="D47" s="21">
        <v>2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61</v>
      </c>
      <c r="C1" s="3"/>
      <c r="D1" s="4" t="s">
        <v>462</v>
      </c>
      <c r="E1" s="5" t="s">
        <v>46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2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1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63</v>
      </c>
      <c r="C1" s="3"/>
      <c r="D1" s="4" t="s">
        <v>464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65</v>
      </c>
      <c r="C1" s="3"/>
      <c r="D1" s="4" t="s">
        <v>466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67</v>
      </c>
      <c r="C1" s="3"/>
      <c r="D1" s="4" t="s">
        <v>468</v>
      </c>
      <c r="E1" s="5" t="s">
        <v>46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69</v>
      </c>
      <c r="C1" s="3"/>
      <c r="D1" s="4" t="s">
        <v>470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1</v>
      </c>
      <c r="C1" s="3"/>
      <c r="D1" s="4" t="s">
        <v>472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</v>
      </c>
      <c r="C1" s="3"/>
      <c r="D1" s="4" t="s">
        <v>78</v>
      </c>
      <c r="E1" s="5" t="s">
        <v>6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3</v>
      </c>
      <c r="C1" s="3"/>
      <c r="D1" s="4" t="s">
        <v>474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5</v>
      </c>
      <c r="C1" s="3"/>
      <c r="D1" s="4" t="s">
        <v>476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7</v>
      </c>
      <c r="C1" s="3"/>
      <c r="D1" s="4" t="s">
        <v>478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9</v>
      </c>
      <c r="C1" s="3"/>
      <c r="D1" s="4" t="s">
        <v>480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81</v>
      </c>
      <c r="C1" s="3"/>
      <c r="D1" s="4" t="s">
        <v>482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83</v>
      </c>
      <c r="C1" s="3"/>
      <c r="D1" s="4" t="s">
        <v>484</v>
      </c>
      <c r="E1" s="5" t="s">
        <v>460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1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1</v>
      </c>
      <c r="M22" s="19">
        <v>0</v>
      </c>
      <c r="N22" s="19">
        <v>1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1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85</v>
      </c>
      <c r="C1" s="3"/>
      <c r="D1" s="4" t="s">
        <v>486</v>
      </c>
      <c r="E1" s="5" t="s">
        <v>46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1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87</v>
      </c>
      <c r="C1" s="3"/>
      <c r="D1" s="4" t="s">
        <v>488</v>
      </c>
      <c r="E1" s="5" t="s">
        <v>46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89</v>
      </c>
      <c r="C1" s="3"/>
      <c r="D1" s="4" t="s">
        <v>490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1</v>
      </c>
      <c r="C1" s="3"/>
      <c r="D1" s="4" t="s">
        <v>492</v>
      </c>
      <c r="E1" s="5" t="s">
        <v>460</v>
      </c>
    </row>
    <row r="2" spans="1:14">
      <c r="A2" s="8" t="s">
        <v>4</v>
      </c>
      <c r="B2" s="9">
        <f>SUM(C2:D2)</f>
        <v>21</v>
      </c>
      <c r="C2" s="9">
        <f>SUM(C6+C12+C18+C24+C30+C36+C42+H6+H12+H18+H24+H30+H36+H42+M6+M12+M18+M24+M30+M36+M42+M44+M46)</f>
        <v>13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1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9</v>
      </c>
      <c r="C36" s="17">
        <v>6</v>
      </c>
      <c r="D36" s="17">
        <v>3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3</v>
      </c>
      <c r="C38" s="19">
        <v>2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1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3</v>
      </c>
      <c r="C41" s="21">
        <v>2</v>
      </c>
      <c r="D41" s="21">
        <v>1</v>
      </c>
      <c r="F41" s="20">
        <v>64</v>
      </c>
      <c r="G41" s="19">
        <v>1</v>
      </c>
      <c r="H41" s="21">
        <v>0</v>
      </c>
      <c r="I41" s="21">
        <v>1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</v>
      </c>
      <c r="C1" s="3"/>
      <c r="D1" s="4" t="s">
        <v>80</v>
      </c>
      <c r="E1" s="5" t="s">
        <v>66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3</v>
      </c>
      <c r="C1" s="3"/>
      <c r="D1" s="4" t="s">
        <v>494</v>
      </c>
      <c r="E1" s="5" t="s">
        <v>460</v>
      </c>
    </row>
    <row r="2" spans="1:14">
      <c r="A2" s="8" t="s">
        <v>4</v>
      </c>
      <c r="B2" s="9">
        <f>SUM(C2:D2)</f>
        <v>16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1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8</v>
      </c>
      <c r="C30" s="17">
        <v>3</v>
      </c>
      <c r="D30" s="17">
        <v>5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1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1</v>
      </c>
      <c r="D34" s="19">
        <v>2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1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1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5</v>
      </c>
      <c r="C1" s="3"/>
      <c r="D1" s="4" t="s">
        <v>496</v>
      </c>
      <c r="E1" s="5" t="s">
        <v>46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1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7</v>
      </c>
      <c r="C1" s="3"/>
      <c r="D1" s="4" t="s">
        <v>498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9</v>
      </c>
      <c r="C1" s="3"/>
      <c r="D1" s="4" t="s">
        <v>500</v>
      </c>
      <c r="E1" s="5" t="s">
        <v>46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01</v>
      </c>
      <c r="C1" s="3"/>
      <c r="D1" s="4" t="s">
        <v>502</v>
      </c>
      <c r="E1" s="5" t="s">
        <v>460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2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03</v>
      </c>
      <c r="C1" s="3"/>
      <c r="D1" s="4" t="s">
        <v>504</v>
      </c>
      <c r="E1" s="5" t="s">
        <v>460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1</v>
      </c>
      <c r="D30" s="17">
        <v>2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05</v>
      </c>
      <c r="C1" s="3"/>
      <c r="D1" s="4" t="s">
        <v>506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07</v>
      </c>
      <c r="C1" s="3"/>
      <c r="D1" s="4" t="s">
        <v>508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09</v>
      </c>
      <c r="C1" s="3"/>
      <c r="D1" s="4" t="s">
        <v>510</v>
      </c>
      <c r="E1" s="5" t="s">
        <v>46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1</v>
      </c>
      <c r="C1" s="3"/>
      <c r="D1" s="4" t="s">
        <v>512</v>
      </c>
      <c r="E1" s="5" t="s">
        <v>46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</v>
      </c>
      <c r="C1" s="3"/>
      <c r="D1" s="4" t="s">
        <v>82</v>
      </c>
      <c r="E1" s="5" t="s">
        <v>66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0</v>
      </c>
      <c r="D17" s="21">
        <v>1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1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3</v>
      </c>
      <c r="C1" s="3"/>
      <c r="D1" s="4" t="s">
        <v>514</v>
      </c>
      <c r="E1" s="5" t="s">
        <v>460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2</v>
      </c>
      <c r="M12" s="17">
        <v>1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1</v>
      </c>
      <c r="M15" s="19">
        <v>0</v>
      </c>
      <c r="N15" s="19">
        <v>1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1</v>
      </c>
      <c r="M16" s="19">
        <v>1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5</v>
      </c>
      <c r="C1" s="3"/>
      <c r="D1" s="4" t="s">
        <v>516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7</v>
      </c>
      <c r="C1" s="3"/>
      <c r="D1" s="4" t="s">
        <v>518</v>
      </c>
      <c r="E1" s="5" t="s">
        <v>46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9</v>
      </c>
      <c r="C1" s="3"/>
      <c r="D1" s="4" t="s">
        <v>520</v>
      </c>
      <c r="E1" s="5" t="s">
        <v>46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21</v>
      </c>
      <c r="C1" s="3"/>
      <c r="D1" s="4" t="s">
        <v>522</v>
      </c>
      <c r="E1" s="5" t="s">
        <v>460</v>
      </c>
    </row>
    <row r="2" spans="1:14">
      <c r="A2" s="8" t="s">
        <v>4</v>
      </c>
      <c r="B2" s="9">
        <f>SUM(C2:D2)</f>
        <v>22</v>
      </c>
      <c r="C2" s="9">
        <f>SUM(C6+C12+C18+C24+C30+C36+C42+H6+H12+H18+H24+H30+H36+H42+M6+M12+M18+M24+M30+M36+M42+M44+M46)</f>
        <v>12</v>
      </c>
      <c r="D2" s="9">
        <f>SUM(D6+D12+D18+D24+D30+D36+D42+I6+I12+I18+I24+I30+I36+I42+N6+N12+N18+N24+N30+N36+N42+N44+N46)</f>
        <v>1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3</v>
      </c>
      <c r="C6" s="17">
        <v>2</v>
      </c>
      <c r="D6" s="17">
        <v>1</v>
      </c>
      <c r="F6" s="16" t="s">
        <v>14</v>
      </c>
      <c r="G6" s="17">
        <v>3</v>
      </c>
      <c r="H6" s="17">
        <v>2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2</v>
      </c>
      <c r="H10" s="19">
        <v>1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1</v>
      </c>
      <c r="C11" s="21">
        <v>1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7</v>
      </c>
      <c r="C30" s="17">
        <v>6</v>
      </c>
      <c r="D30" s="17">
        <v>1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4</v>
      </c>
      <c r="C34" s="19">
        <v>4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23</v>
      </c>
      <c r="C1" s="3"/>
      <c r="D1" s="4" t="s">
        <v>524</v>
      </c>
      <c r="E1" s="5" t="s">
        <v>460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0</v>
      </c>
      <c r="D36" s="17">
        <v>4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0</v>
      </c>
      <c r="D39" s="19">
        <v>2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1</v>
      </c>
      <c r="H42" s="17">
        <v>1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1</v>
      </c>
      <c r="H46" s="19">
        <v>1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25</v>
      </c>
      <c r="C1" s="3"/>
      <c r="D1" s="4" t="s">
        <v>526</v>
      </c>
      <c r="E1" s="5" t="s">
        <v>460</v>
      </c>
    </row>
    <row r="2" spans="1:14">
      <c r="A2" s="8" t="s">
        <v>4</v>
      </c>
      <c r="B2" s="9">
        <f>SUM(C2:D2)</f>
        <v>23</v>
      </c>
      <c r="C2" s="9">
        <f>SUM(C6+C12+C18+C24+C30+C36+C42+H6+H12+H18+H24+H30+H36+H42+M6+M12+M18+M24+M30+M36+M42+M44+M46)</f>
        <v>11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2</v>
      </c>
      <c r="D6" s="17">
        <v>0</v>
      </c>
      <c r="F6" s="16" t="s">
        <v>14</v>
      </c>
      <c r="G6" s="17">
        <v>4</v>
      </c>
      <c r="H6" s="17">
        <v>1</v>
      </c>
      <c r="I6" s="17">
        <v>3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1</v>
      </c>
      <c r="C9" s="19">
        <v>1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1</v>
      </c>
      <c r="C17" s="21">
        <v>1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3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4</v>
      </c>
      <c r="C39" s="19">
        <v>3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5</v>
      </c>
      <c r="C42" s="17">
        <v>2</v>
      </c>
      <c r="D42" s="17">
        <v>3</v>
      </c>
      <c r="F42" s="16" t="s">
        <v>33</v>
      </c>
      <c r="G42" s="17">
        <v>2</v>
      </c>
      <c r="H42" s="17">
        <v>0</v>
      </c>
      <c r="I42" s="17">
        <v>2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27</v>
      </c>
      <c r="C1" s="3"/>
      <c r="D1" s="4" t="s">
        <v>528</v>
      </c>
      <c r="E1" s="5" t="s">
        <v>46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1</v>
      </c>
      <c r="C16" s="19">
        <v>1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29</v>
      </c>
      <c r="C1" s="3"/>
      <c r="D1" s="4" t="s">
        <v>530</v>
      </c>
      <c r="E1" s="5" t="s">
        <v>460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0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1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1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2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1</v>
      </c>
      <c r="C1" s="3"/>
      <c r="D1" s="4" t="s">
        <v>532</v>
      </c>
      <c r="E1" s="5" t="s">
        <v>46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</v>
      </c>
      <c r="C1" s="3"/>
      <c r="D1" s="4" t="s">
        <v>84</v>
      </c>
      <c r="E1" s="5" t="s">
        <v>66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1</v>
      </c>
      <c r="M24" s="17">
        <v>1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1</v>
      </c>
      <c r="M26" s="19">
        <v>1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3</v>
      </c>
      <c r="C1" s="3"/>
      <c r="D1" s="4" t="s">
        <v>534</v>
      </c>
      <c r="E1" s="5" t="s">
        <v>46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0</v>
      </c>
      <c r="D36" s="17">
        <v>3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0</v>
      </c>
      <c r="D39" s="19">
        <v>2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5</v>
      </c>
      <c r="C1" s="3"/>
      <c r="D1" s="4" t="s">
        <v>536</v>
      </c>
      <c r="E1" s="5" t="s">
        <v>460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7</v>
      </c>
      <c r="C1" s="3"/>
      <c r="D1" s="4" t="s">
        <v>538</v>
      </c>
      <c r="E1" s="5" t="s">
        <v>46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39</v>
      </c>
      <c r="C1" s="3"/>
      <c r="D1" s="4" t="s">
        <v>2</v>
      </c>
      <c r="E1" s="5" t="s">
        <v>54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41</v>
      </c>
      <c r="C1" s="3"/>
      <c r="D1" s="4" t="s">
        <v>542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43</v>
      </c>
      <c r="C1" s="3"/>
      <c r="D1" s="4" t="s">
        <v>544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45</v>
      </c>
      <c r="C1" s="3"/>
      <c r="D1" s="4" t="s">
        <v>546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47</v>
      </c>
      <c r="C1" s="3"/>
      <c r="D1" s="4" t="s">
        <v>548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49</v>
      </c>
      <c r="C1" s="3"/>
      <c r="D1" s="4" t="s">
        <v>550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1</v>
      </c>
      <c r="C1" s="3"/>
      <c r="D1" s="4" t="s">
        <v>552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</v>
      </c>
      <c r="C1" s="3"/>
      <c r="D1" s="4" t="s">
        <v>86</v>
      </c>
      <c r="E1" s="5" t="s">
        <v>66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2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3</v>
      </c>
      <c r="H24" s="17">
        <v>0</v>
      </c>
      <c r="I24" s="17">
        <v>3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2</v>
      </c>
      <c r="H25" s="19">
        <v>0</v>
      </c>
      <c r="I25" s="19">
        <v>2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3</v>
      </c>
      <c r="C1" s="3"/>
      <c r="D1" s="4" t="s">
        <v>554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5</v>
      </c>
      <c r="C1" s="3"/>
      <c r="D1" s="4" t="s">
        <v>556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7</v>
      </c>
      <c r="C1" s="3"/>
      <c r="D1" s="4" t="s">
        <v>558</v>
      </c>
      <c r="E1" s="5" t="s">
        <v>54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59</v>
      </c>
      <c r="C1" s="3"/>
      <c r="D1" s="4" t="s">
        <v>560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61</v>
      </c>
      <c r="C1" s="3"/>
      <c r="D1" s="4" t="s">
        <v>562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63</v>
      </c>
      <c r="C1" s="3"/>
      <c r="D1" s="4" t="s">
        <v>564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65</v>
      </c>
      <c r="C1" s="3"/>
      <c r="D1" s="4" t="s">
        <v>566</v>
      </c>
      <c r="E1" s="5" t="s">
        <v>54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67</v>
      </c>
      <c r="C1" s="3"/>
      <c r="D1" s="4" t="s">
        <v>2</v>
      </c>
      <c r="E1" s="5" t="s">
        <v>56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69</v>
      </c>
      <c r="C1" s="3"/>
      <c r="D1" s="4" t="s">
        <v>570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1</v>
      </c>
      <c r="C1" s="3"/>
      <c r="D1" s="4" t="s">
        <v>572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</v>
      </c>
      <c r="C1" s="3"/>
      <c r="D1" s="4" t="s">
        <v>88</v>
      </c>
      <c r="E1" s="5" t="s">
        <v>66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1</v>
      </c>
      <c r="D6" s="17">
        <v>1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1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1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1</v>
      </c>
      <c r="M14" s="19">
        <v>0</v>
      </c>
      <c r="N14" s="19">
        <v>1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1</v>
      </c>
      <c r="M23" s="21">
        <v>0</v>
      </c>
      <c r="N23" s="21">
        <v>1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3</v>
      </c>
      <c r="C1" s="3"/>
      <c r="D1" s="4" t="s">
        <v>574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5</v>
      </c>
      <c r="C1" s="3"/>
      <c r="D1" s="4" t="s">
        <v>576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7</v>
      </c>
      <c r="C1" s="3"/>
      <c r="D1" s="4" t="s">
        <v>578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79</v>
      </c>
      <c r="C1" s="3"/>
      <c r="D1" s="4" t="s">
        <v>580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81</v>
      </c>
      <c r="C1" s="3"/>
      <c r="D1" s="4" t="s">
        <v>582</v>
      </c>
      <c r="E1" s="5" t="s">
        <v>56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83</v>
      </c>
      <c r="C1" s="3"/>
      <c r="D1" s="4" t="s">
        <v>584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85</v>
      </c>
      <c r="C1" s="3"/>
      <c r="D1" s="4" t="s">
        <v>586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87</v>
      </c>
      <c r="C1" s="3"/>
      <c r="D1" s="4" t="s">
        <v>588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89</v>
      </c>
      <c r="C1" s="3"/>
      <c r="D1" s="4" t="s">
        <v>590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1</v>
      </c>
      <c r="C1" s="3"/>
      <c r="D1" s="4" t="s">
        <v>592</v>
      </c>
      <c r="E1" s="5" t="s">
        <v>56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</v>
      </c>
      <c r="C1" s="3"/>
      <c r="D1" s="4" t="s">
        <v>2</v>
      </c>
      <c r="E1" s="5" t="s">
        <v>90</v>
      </c>
    </row>
    <row r="2" spans="1:14">
      <c r="A2" s="8" t="s">
        <v>4</v>
      </c>
      <c r="B2" s="9">
        <f>SUM(C2:D2)</f>
        <v>48</v>
      </c>
      <c r="C2" s="9">
        <f>SUM(C6+C12+C18+C24+C30+C36+C42+H6+H12+H18+H24+H30+H36+H42+M6+M12+M18+M24+M30+M36+M42+M44+M46)</f>
        <v>12</v>
      </c>
      <c r="D2" s="9">
        <f>SUM(D6+D12+D18+D24+D30+D36+D42+I6+I12+I18+I24+I30+I36+I42+N6+N12+N18+N24+N30+N36+N42+N44+N46)</f>
        <v>3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3</v>
      </c>
      <c r="M6" s="17">
        <v>1</v>
      </c>
      <c r="N6" s="17">
        <v>2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2</v>
      </c>
      <c r="M8" s="19">
        <v>1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3</v>
      </c>
      <c r="M12" s="17">
        <v>2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1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1</v>
      </c>
      <c r="M14" s="19">
        <v>1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1</v>
      </c>
      <c r="M15" s="19">
        <v>0</v>
      </c>
      <c r="N15" s="19">
        <v>1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1</v>
      </c>
      <c r="D18" s="17">
        <v>0</v>
      </c>
      <c r="F18" s="16" t="s">
        <v>21</v>
      </c>
      <c r="G18" s="17">
        <v>6</v>
      </c>
      <c r="H18" s="17">
        <v>2</v>
      </c>
      <c r="I18" s="17">
        <v>4</v>
      </c>
      <c r="K18" s="16" t="s">
        <v>22</v>
      </c>
      <c r="L18" s="17">
        <v>2</v>
      </c>
      <c r="M18" s="17">
        <v>0</v>
      </c>
      <c r="N18" s="17">
        <v>2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1</v>
      </c>
      <c r="M19" s="19">
        <v>0</v>
      </c>
      <c r="N19" s="19">
        <v>1</v>
      </c>
    </row>
    <row r="20" spans="1:14">
      <c r="A20" s="18">
        <v>11</v>
      </c>
      <c r="B20" s="19">
        <v>1</v>
      </c>
      <c r="C20" s="19">
        <v>1</v>
      </c>
      <c r="D20" s="19">
        <v>0</v>
      </c>
      <c r="F20" s="18">
        <v>46</v>
      </c>
      <c r="G20" s="19">
        <v>2</v>
      </c>
      <c r="H20" s="19">
        <v>0</v>
      </c>
      <c r="I20" s="19">
        <v>2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4</v>
      </c>
      <c r="H22" s="19">
        <v>2</v>
      </c>
      <c r="I22" s="19">
        <v>2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6</v>
      </c>
      <c r="H24" s="17">
        <v>0</v>
      </c>
      <c r="I24" s="17">
        <v>6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3</v>
      </c>
      <c r="H28" s="19">
        <v>0</v>
      </c>
      <c r="I28" s="19">
        <v>3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8</v>
      </c>
      <c r="C30" s="17">
        <v>2</v>
      </c>
      <c r="D30" s="17">
        <v>6</v>
      </c>
      <c r="F30" s="16" t="s">
        <v>27</v>
      </c>
      <c r="G30" s="17">
        <v>3</v>
      </c>
      <c r="H30" s="17">
        <v>0</v>
      </c>
      <c r="I30" s="17">
        <v>3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4</v>
      </c>
      <c r="C32" s="19">
        <v>1</v>
      </c>
      <c r="D32" s="19">
        <v>3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1</v>
      </c>
      <c r="D33" s="19">
        <v>1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2</v>
      </c>
      <c r="H34" s="19">
        <v>0</v>
      </c>
      <c r="I34" s="19">
        <v>2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5</v>
      </c>
      <c r="C36" s="17">
        <v>1</v>
      </c>
      <c r="D36" s="17">
        <v>4</v>
      </c>
      <c r="F36" s="16" t="s">
        <v>30</v>
      </c>
      <c r="G36" s="17">
        <v>3</v>
      </c>
      <c r="H36" s="17">
        <v>0</v>
      </c>
      <c r="I36" s="17">
        <v>3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1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2</v>
      </c>
      <c r="D42" s="17">
        <v>1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3</v>
      </c>
      <c r="C1" s="3"/>
      <c r="D1" s="4" t="s">
        <v>594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5</v>
      </c>
      <c r="C1" s="3"/>
      <c r="D1" s="4" t="s">
        <v>596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7</v>
      </c>
      <c r="C1" s="3"/>
      <c r="D1" s="4" t="s">
        <v>598</v>
      </c>
      <c r="E1" s="5" t="s">
        <v>56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99</v>
      </c>
      <c r="C1" s="3"/>
      <c r="D1" s="4" t="s">
        <v>2</v>
      </c>
      <c r="E1" s="5" t="s">
        <v>600</v>
      </c>
    </row>
    <row r="2" spans="1:14">
      <c r="A2" s="8" t="s">
        <v>4</v>
      </c>
      <c r="B2" s="9">
        <f>SUM(C2:D2)</f>
        <v>96</v>
      </c>
      <c r="C2" s="9">
        <f>SUM(C6+C12+C18+C24+C30+C36+C42+H6+H12+H18+H24+H30+H36+H42+M6+M12+M18+M24+M30+M36+M42+M44+M46)</f>
        <v>43</v>
      </c>
      <c r="D2" s="9">
        <f>SUM(D6+D12+D18+D24+D30+D36+D42+I6+I12+I18+I24+I30+I36+I42+N6+N12+N18+N24+N30+N36+N42+N44+N46)</f>
        <v>5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8</v>
      </c>
      <c r="H6" s="17">
        <v>4</v>
      </c>
      <c r="I6" s="17">
        <v>4</v>
      </c>
      <c r="K6" s="16" t="s">
        <v>15</v>
      </c>
      <c r="L6" s="17">
        <v>4</v>
      </c>
      <c r="M6" s="17">
        <v>1</v>
      </c>
      <c r="N6" s="17">
        <v>3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1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1</v>
      </c>
      <c r="I9" s="19">
        <v>1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2</v>
      </c>
      <c r="H10" s="19">
        <v>1</v>
      </c>
      <c r="I10" s="19">
        <v>1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2</v>
      </c>
      <c r="H11" s="21">
        <v>1</v>
      </c>
      <c r="I11" s="21">
        <v>1</v>
      </c>
      <c r="K11" s="20">
        <v>74</v>
      </c>
      <c r="L11" s="19">
        <v>1</v>
      </c>
      <c r="M11" s="21">
        <v>1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9</v>
      </c>
      <c r="H12" s="17">
        <v>5</v>
      </c>
      <c r="I12" s="17">
        <v>4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0</v>
      </c>
      <c r="I13" s="19">
        <v>2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3</v>
      </c>
      <c r="H15" s="19">
        <v>2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3</v>
      </c>
      <c r="H18" s="17">
        <v>6</v>
      </c>
      <c r="I18" s="17">
        <v>7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2</v>
      </c>
      <c r="H19" s="19">
        <v>0</v>
      </c>
      <c r="I19" s="19">
        <v>2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1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5</v>
      </c>
      <c r="H22" s="19">
        <v>4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3</v>
      </c>
      <c r="H23" s="21">
        <v>1</v>
      </c>
      <c r="I23" s="21">
        <v>2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3</v>
      </c>
      <c r="D24" s="17">
        <v>0</v>
      </c>
      <c r="F24" s="16" t="s">
        <v>24</v>
      </c>
      <c r="G24" s="17">
        <v>15</v>
      </c>
      <c r="H24" s="17">
        <v>4</v>
      </c>
      <c r="I24" s="17">
        <v>11</v>
      </c>
      <c r="K24" s="16" t="s">
        <v>25</v>
      </c>
      <c r="L24" s="17">
        <v>2</v>
      </c>
      <c r="M24" s="17">
        <v>1</v>
      </c>
      <c r="N24" s="17">
        <v>1</v>
      </c>
    </row>
    <row r="25" spans="1:14">
      <c r="A25" s="18">
        <v>15</v>
      </c>
      <c r="B25" s="19">
        <v>1</v>
      </c>
      <c r="C25" s="19">
        <v>1</v>
      </c>
      <c r="D25" s="19">
        <v>0</v>
      </c>
      <c r="F25" s="18">
        <v>50</v>
      </c>
      <c r="G25" s="19">
        <v>6</v>
      </c>
      <c r="H25" s="19">
        <v>2</v>
      </c>
      <c r="I25" s="19">
        <v>4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2</v>
      </c>
      <c r="H26" s="19">
        <v>0</v>
      </c>
      <c r="I26" s="19">
        <v>2</v>
      </c>
      <c r="K26" s="18">
        <v>86</v>
      </c>
      <c r="L26" s="19">
        <v>2</v>
      </c>
      <c r="M26" s="19">
        <v>1</v>
      </c>
      <c r="N26" s="19">
        <v>1</v>
      </c>
    </row>
    <row r="27" spans="1:14">
      <c r="A27" s="18">
        <v>17</v>
      </c>
      <c r="B27" s="19">
        <v>2</v>
      </c>
      <c r="C27" s="19">
        <v>2</v>
      </c>
      <c r="D27" s="19">
        <v>0</v>
      </c>
      <c r="F27" s="18">
        <v>52</v>
      </c>
      <c r="G27" s="19">
        <v>2</v>
      </c>
      <c r="H27" s="19">
        <v>0</v>
      </c>
      <c r="I27" s="19">
        <v>2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2</v>
      </c>
      <c r="H28" s="19">
        <v>1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3</v>
      </c>
      <c r="H29" s="21">
        <v>1</v>
      </c>
      <c r="I29" s="21">
        <v>2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0</v>
      </c>
      <c r="C30" s="17">
        <v>4</v>
      </c>
      <c r="D30" s="17">
        <v>6</v>
      </c>
      <c r="F30" s="16" t="s">
        <v>27</v>
      </c>
      <c r="G30" s="17">
        <v>3</v>
      </c>
      <c r="H30" s="17">
        <v>1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6</v>
      </c>
      <c r="C34" s="19">
        <v>2</v>
      </c>
      <c r="D34" s="19">
        <v>4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3</v>
      </c>
      <c r="C35" s="21">
        <v>2</v>
      </c>
      <c r="D35" s="21">
        <v>1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0</v>
      </c>
      <c r="C36" s="17">
        <v>5</v>
      </c>
      <c r="D36" s="17">
        <v>5</v>
      </c>
      <c r="F36" s="16" t="s">
        <v>30</v>
      </c>
      <c r="G36" s="17">
        <v>5</v>
      </c>
      <c r="H36" s="17">
        <v>2</v>
      </c>
      <c r="I36" s="17">
        <v>3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3</v>
      </c>
      <c r="C38" s="19">
        <v>1</v>
      </c>
      <c r="D38" s="19">
        <v>2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4</v>
      </c>
      <c r="C40" s="19">
        <v>2</v>
      </c>
      <c r="D40" s="19">
        <v>2</v>
      </c>
      <c r="F40" s="18">
        <v>63</v>
      </c>
      <c r="G40" s="19">
        <v>1</v>
      </c>
      <c r="H40" s="19">
        <v>1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2</v>
      </c>
      <c r="C41" s="21">
        <v>2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0</v>
      </c>
      <c r="C42" s="17">
        <v>6</v>
      </c>
      <c r="D42" s="17">
        <v>4</v>
      </c>
      <c r="F42" s="16" t="s">
        <v>33</v>
      </c>
      <c r="G42" s="17">
        <v>2</v>
      </c>
      <c r="H42" s="17">
        <v>0</v>
      </c>
      <c r="I42" s="17">
        <v>2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1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3</v>
      </c>
      <c r="C44" s="19">
        <v>1</v>
      </c>
      <c r="D44" s="19">
        <v>2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3</v>
      </c>
      <c r="C45" s="19">
        <v>2</v>
      </c>
      <c r="D45" s="19">
        <v>1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01</v>
      </c>
      <c r="C1" s="3"/>
      <c r="D1" s="4" t="s">
        <v>602</v>
      </c>
      <c r="E1" s="5" t="s">
        <v>60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0</v>
      </c>
      <c r="I6" s="17">
        <v>2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03</v>
      </c>
      <c r="C1" s="3"/>
      <c r="D1" s="4" t="s">
        <v>604</v>
      </c>
      <c r="E1" s="5" t="s">
        <v>60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1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05</v>
      </c>
      <c r="C1" s="3"/>
      <c r="D1" s="4" t="s">
        <v>606</v>
      </c>
      <c r="E1" s="5" t="s">
        <v>60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0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07</v>
      </c>
      <c r="C1" s="3"/>
      <c r="D1" s="4" t="s">
        <v>608</v>
      </c>
      <c r="E1" s="5" t="s">
        <v>60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3</v>
      </c>
      <c r="H18" s="17">
        <v>0</v>
      </c>
      <c r="I18" s="17">
        <v>3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09</v>
      </c>
      <c r="C1" s="3"/>
      <c r="D1" s="4" t="s">
        <v>610</v>
      </c>
      <c r="E1" s="5" t="s">
        <v>60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1</v>
      </c>
      <c r="C1" s="3"/>
      <c r="D1" s="4" t="s">
        <v>612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1</v>
      </c>
      <c r="C1" s="3"/>
      <c r="D1" s="4" t="s">
        <v>92</v>
      </c>
      <c r="E1" s="5" t="s">
        <v>9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3</v>
      </c>
      <c r="C1" s="3"/>
      <c r="D1" s="4" t="s">
        <v>614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5</v>
      </c>
      <c r="C1" s="3"/>
      <c r="D1" s="4" t="s">
        <v>616</v>
      </c>
      <c r="E1" s="5" t="s">
        <v>600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3</v>
      </c>
      <c r="H24" s="17">
        <v>0</v>
      </c>
      <c r="I24" s="17">
        <v>3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7</v>
      </c>
      <c r="C1" s="3"/>
      <c r="D1" s="4" t="s">
        <v>618</v>
      </c>
      <c r="E1" s="5" t="s">
        <v>600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1</v>
      </c>
      <c r="M11" s="21">
        <v>1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1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19</v>
      </c>
      <c r="C1" s="3"/>
      <c r="D1" s="4" t="s">
        <v>620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21</v>
      </c>
      <c r="C1" s="3"/>
      <c r="D1" s="4" t="s">
        <v>622</v>
      </c>
      <c r="E1" s="5" t="s">
        <v>600</v>
      </c>
    </row>
    <row r="2" spans="1:14">
      <c r="A2" s="8" t="s">
        <v>4</v>
      </c>
      <c r="B2" s="9">
        <f>SUM(C2:D2)</f>
        <v>12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0</v>
      </c>
      <c r="N13" s="19">
        <v>1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3</v>
      </c>
      <c r="H18" s="17">
        <v>2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2</v>
      </c>
      <c r="H22" s="19">
        <v>2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2</v>
      </c>
      <c r="M24" s="17">
        <v>1</v>
      </c>
      <c r="N24" s="17">
        <v>1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2</v>
      </c>
      <c r="M26" s="19">
        <v>1</v>
      </c>
      <c r="N26" s="19">
        <v>1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0</v>
      </c>
      <c r="D30" s="17">
        <v>2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0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0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23</v>
      </c>
      <c r="C1" s="3"/>
      <c r="D1" s="4" t="s">
        <v>624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25</v>
      </c>
      <c r="C1" s="3"/>
      <c r="D1" s="4" t="s">
        <v>626</v>
      </c>
      <c r="E1" s="5" t="s">
        <v>60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1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27</v>
      </c>
      <c r="C1" s="3"/>
      <c r="D1" s="4" t="s">
        <v>628</v>
      </c>
      <c r="E1" s="5" t="s">
        <v>60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1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29</v>
      </c>
      <c r="C1" s="3"/>
      <c r="D1" s="4" t="s">
        <v>630</v>
      </c>
      <c r="E1" s="5" t="s">
        <v>60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2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1</v>
      </c>
      <c r="C1" s="3"/>
      <c r="D1" s="4" t="s">
        <v>632</v>
      </c>
      <c r="E1" s="5" t="s">
        <v>60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1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39</v>
      </c>
      <c r="C1" s="3"/>
      <c r="D1" s="4" t="s">
        <v>40</v>
      </c>
      <c r="E1" s="5" t="s">
        <v>3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1</v>
      </c>
      <c r="M16" s="19">
        <v>1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3</v>
      </c>
      <c r="C1" s="3"/>
      <c r="D1" s="4" t="s">
        <v>94</v>
      </c>
      <c r="E1" s="5" t="s">
        <v>9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3</v>
      </c>
      <c r="C1" s="3"/>
      <c r="D1" s="4" t="s">
        <v>634</v>
      </c>
      <c r="E1" s="5" t="s">
        <v>60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5</v>
      </c>
      <c r="C1" s="3"/>
      <c r="D1" s="4" t="s">
        <v>636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7</v>
      </c>
      <c r="C1" s="3"/>
      <c r="D1" s="4" t="s">
        <v>638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39</v>
      </c>
      <c r="C1" s="3"/>
      <c r="D1" s="4" t="s">
        <v>640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41</v>
      </c>
      <c r="C1" s="3"/>
      <c r="D1" s="4" t="s">
        <v>642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43</v>
      </c>
      <c r="C1" s="3"/>
      <c r="D1" s="4" t="s">
        <v>644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45</v>
      </c>
      <c r="C1" s="3"/>
      <c r="D1" s="4" t="s">
        <v>646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47</v>
      </c>
      <c r="C1" s="3"/>
      <c r="D1" s="4" t="s">
        <v>648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49</v>
      </c>
      <c r="C1" s="3"/>
      <c r="D1" s="4" t="s">
        <v>650</v>
      </c>
      <c r="E1" s="5" t="s">
        <v>60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1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1</v>
      </c>
      <c r="C1" s="3"/>
      <c r="D1" s="4" t="s">
        <v>652</v>
      </c>
      <c r="E1" s="5" t="s">
        <v>6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5</v>
      </c>
      <c r="C1" s="3"/>
      <c r="D1" s="4" t="s">
        <v>96</v>
      </c>
      <c r="E1" s="5" t="s">
        <v>9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1</v>
      </c>
      <c r="M15" s="19">
        <v>0</v>
      </c>
      <c r="N15" s="19">
        <v>1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3</v>
      </c>
      <c r="C1" s="3"/>
      <c r="D1" s="4" t="s">
        <v>654</v>
      </c>
      <c r="E1" s="5" t="s">
        <v>600</v>
      </c>
    </row>
    <row r="2" spans="1:14">
      <c r="A2" s="8" t="s">
        <v>4</v>
      </c>
      <c r="B2" s="9">
        <f>SUM(C2:D2)</f>
        <v>12</v>
      </c>
      <c r="C2" s="9">
        <f>SUM(C6+C12+C18+C24+C30+C36+C42+H6+H12+H18+H24+H30+H36+H42+M6+M12+M18+M24+M30+M36+M42+M44+M46)</f>
        <v>8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2</v>
      </c>
      <c r="H11" s="21">
        <v>1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2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2</v>
      </c>
      <c r="H25" s="19">
        <v>0</v>
      </c>
      <c r="I25" s="19">
        <v>2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2</v>
      </c>
      <c r="H36" s="17">
        <v>1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5</v>
      </c>
      <c r="C1" s="3"/>
      <c r="D1" s="4" t="s">
        <v>656</v>
      </c>
      <c r="E1" s="5" t="s">
        <v>600</v>
      </c>
    </row>
    <row r="2" spans="1:14">
      <c r="A2" s="8" t="s">
        <v>4</v>
      </c>
      <c r="B2" s="9">
        <f>SUM(C2:D2)</f>
        <v>15</v>
      </c>
      <c r="C2" s="9">
        <f>SUM(C6+C12+C18+C24+C30+C36+C42+H6+H12+H18+H24+H30+H36+H42+M6+M12+M18+M24+M30+M36+M42+M44+M46)</f>
        <v>7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1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1</v>
      </c>
      <c r="D30" s="17">
        <v>2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2</v>
      </c>
      <c r="C34" s="19">
        <v>0</v>
      </c>
      <c r="D34" s="19">
        <v>2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1</v>
      </c>
      <c r="D36" s="17">
        <v>3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0</v>
      </c>
      <c r="D38" s="19">
        <v>2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1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7</v>
      </c>
      <c r="C1" s="3"/>
      <c r="D1" s="4" t="s">
        <v>2</v>
      </c>
      <c r="E1" s="5" t="s">
        <v>658</v>
      </c>
    </row>
    <row r="2" spans="1:14">
      <c r="A2" s="8" t="s">
        <v>4</v>
      </c>
      <c r="B2" s="9">
        <f>SUM(C2:D2)</f>
        <v>56</v>
      </c>
      <c r="C2" s="9">
        <f>SUM(C6+C12+C18+C24+C30+C36+C42+H6+H12+H18+H24+H30+H36+H42+M6+M12+M18+M24+M30+M36+M42+M44+M46)</f>
        <v>25</v>
      </c>
      <c r="D2" s="9">
        <f>SUM(D6+D12+D18+D24+D30+D36+D42+I6+I12+I18+I24+I30+I36+I42+N6+N12+N18+N24+N30+N36+N42+N44+N46)</f>
        <v>3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7</v>
      </c>
      <c r="H6" s="17">
        <v>5</v>
      </c>
      <c r="I6" s="17">
        <v>2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3</v>
      </c>
      <c r="H7" s="19">
        <v>3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2</v>
      </c>
      <c r="H8" s="19">
        <v>1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2</v>
      </c>
      <c r="C12" s="17">
        <v>0</v>
      </c>
      <c r="D12" s="17">
        <v>2</v>
      </c>
      <c r="F12" s="16" t="s">
        <v>18</v>
      </c>
      <c r="G12" s="17">
        <v>7</v>
      </c>
      <c r="H12" s="17">
        <v>1</v>
      </c>
      <c r="I12" s="17">
        <v>6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0</v>
      </c>
      <c r="D13" s="19">
        <v>1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1</v>
      </c>
      <c r="C16" s="19">
        <v>0</v>
      </c>
      <c r="D16" s="19">
        <v>1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2</v>
      </c>
      <c r="H17" s="21">
        <v>0</v>
      </c>
      <c r="I17" s="21">
        <v>2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1</v>
      </c>
      <c r="M21" s="19">
        <v>1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2</v>
      </c>
      <c r="C24" s="17">
        <v>2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2</v>
      </c>
      <c r="C27" s="19">
        <v>2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3</v>
      </c>
      <c r="D30" s="17">
        <v>0</v>
      </c>
      <c r="F30" s="16" t="s">
        <v>27</v>
      </c>
      <c r="G30" s="17">
        <v>8</v>
      </c>
      <c r="H30" s="17">
        <v>2</v>
      </c>
      <c r="I30" s="17">
        <v>6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2</v>
      </c>
      <c r="H31" s="19">
        <v>1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2</v>
      </c>
      <c r="H32" s="19">
        <v>1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2</v>
      </c>
      <c r="D33" s="19">
        <v>0</v>
      </c>
      <c r="F33" s="18">
        <v>57</v>
      </c>
      <c r="G33" s="19">
        <v>2</v>
      </c>
      <c r="H33" s="19">
        <v>0</v>
      </c>
      <c r="I33" s="19">
        <v>2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2</v>
      </c>
      <c r="H35" s="21">
        <v>0</v>
      </c>
      <c r="I35" s="21">
        <v>2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5</v>
      </c>
      <c r="C36" s="17">
        <v>2</v>
      </c>
      <c r="D36" s="17">
        <v>3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0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4</v>
      </c>
      <c r="C42" s="17">
        <v>7</v>
      </c>
      <c r="D42" s="17">
        <v>7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3</v>
      </c>
      <c r="C43" s="19">
        <v>1</v>
      </c>
      <c r="D43" s="19">
        <v>2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6</v>
      </c>
      <c r="C44" s="19">
        <v>2</v>
      </c>
      <c r="D44" s="19">
        <v>4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4</v>
      </c>
      <c r="C46" s="19">
        <v>3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59</v>
      </c>
      <c r="C1" s="3"/>
      <c r="D1" s="4" t="s">
        <v>660</v>
      </c>
      <c r="E1" s="5" t="s">
        <v>65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61</v>
      </c>
      <c r="C1" s="3"/>
      <c r="D1" s="4" t="s">
        <v>662</v>
      </c>
      <c r="E1" s="5" t="s">
        <v>658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1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63</v>
      </c>
      <c r="C1" s="3"/>
      <c r="D1" s="4" t="s">
        <v>664</v>
      </c>
      <c r="E1" s="5" t="s">
        <v>658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1</v>
      </c>
      <c r="C13" s="19">
        <v>0</v>
      </c>
      <c r="D13" s="19">
        <v>1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0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1</v>
      </c>
      <c r="D42" s="17">
        <v>3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1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0</v>
      </c>
      <c r="D44" s="19">
        <v>2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65</v>
      </c>
      <c r="C1" s="3"/>
      <c r="D1" s="4" t="s">
        <v>666</v>
      </c>
      <c r="E1" s="5" t="s">
        <v>65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1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1</v>
      </c>
      <c r="M21" s="19">
        <v>1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67</v>
      </c>
      <c r="C1" s="3"/>
      <c r="D1" s="4" t="s">
        <v>668</v>
      </c>
      <c r="E1" s="5" t="s">
        <v>65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69</v>
      </c>
      <c r="C1" s="3"/>
      <c r="D1" s="4" t="s">
        <v>670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1</v>
      </c>
      <c r="C1" s="3"/>
      <c r="D1" s="4" t="s">
        <v>672</v>
      </c>
      <c r="E1" s="5" t="s">
        <v>65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7</v>
      </c>
      <c r="C1" s="3"/>
      <c r="D1" s="4" t="s">
        <v>98</v>
      </c>
      <c r="E1" s="5" t="s">
        <v>90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1</v>
      </c>
      <c r="M14" s="19">
        <v>1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1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1</v>
      </c>
      <c r="M19" s="19">
        <v>0</v>
      </c>
      <c r="N19" s="19">
        <v>1</v>
      </c>
    </row>
    <row r="20" spans="1:14">
      <c r="A20" s="18">
        <v>11</v>
      </c>
      <c r="B20" s="19">
        <v>1</v>
      </c>
      <c r="C20" s="19">
        <v>1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3</v>
      </c>
      <c r="C1" s="3"/>
      <c r="D1" s="4" t="s">
        <v>674</v>
      </c>
      <c r="E1" s="5" t="s">
        <v>65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5</v>
      </c>
      <c r="C1" s="3"/>
      <c r="D1" s="4" t="s">
        <v>676</v>
      </c>
      <c r="E1" s="5" t="s">
        <v>658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7</v>
      </c>
      <c r="C1" s="3"/>
      <c r="D1" s="4" t="s">
        <v>678</v>
      </c>
      <c r="E1" s="5" t="s">
        <v>658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1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79</v>
      </c>
      <c r="C1" s="3"/>
      <c r="D1" s="4" t="s">
        <v>680</v>
      </c>
      <c r="E1" s="5" t="s">
        <v>658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3</v>
      </c>
      <c r="H6" s="17">
        <v>2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2</v>
      </c>
      <c r="H7" s="19">
        <v>2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0</v>
      </c>
      <c r="I8" s="19">
        <v>1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1</v>
      </c>
      <c r="D42" s="17">
        <v>1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81</v>
      </c>
      <c r="C1" s="3"/>
      <c r="D1" s="4" t="s">
        <v>682</v>
      </c>
      <c r="E1" s="5" t="s">
        <v>658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2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2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83</v>
      </c>
      <c r="C1" s="3"/>
      <c r="D1" s="4" t="s">
        <v>684</v>
      </c>
      <c r="E1" s="5" t="s">
        <v>658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1</v>
      </c>
      <c r="C16" s="19">
        <v>0</v>
      </c>
      <c r="D16" s="19">
        <v>1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1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85</v>
      </c>
      <c r="C1" s="3"/>
      <c r="D1" s="4" t="s">
        <v>686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87</v>
      </c>
      <c r="C1" s="3"/>
      <c r="D1" s="4" t="s">
        <v>688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89</v>
      </c>
      <c r="C1" s="3"/>
      <c r="D1" s="4" t="s">
        <v>690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1</v>
      </c>
      <c r="C1" s="3"/>
      <c r="D1" s="4" t="s">
        <v>692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9</v>
      </c>
      <c r="C1" s="3"/>
      <c r="D1" s="4" t="s">
        <v>100</v>
      </c>
      <c r="E1" s="5" t="s">
        <v>9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1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1</v>
      </c>
      <c r="M13" s="19">
        <v>1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3</v>
      </c>
      <c r="C1" s="3"/>
      <c r="D1" s="4" t="s">
        <v>694</v>
      </c>
      <c r="E1" s="5" t="s">
        <v>65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1</v>
      </c>
      <c r="H41" s="21">
        <v>1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5</v>
      </c>
      <c r="C1" s="3"/>
      <c r="D1" s="4" t="s">
        <v>696</v>
      </c>
      <c r="E1" s="5" t="s">
        <v>65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7</v>
      </c>
      <c r="C1" s="3"/>
      <c r="D1" s="4" t="s">
        <v>2</v>
      </c>
      <c r="E1" s="5" t="s">
        <v>698</v>
      </c>
    </row>
    <row r="2" spans="1:14">
      <c r="A2" s="8" t="s">
        <v>4</v>
      </c>
      <c r="B2" s="9">
        <f>SUM(C2:D2)</f>
        <v>249</v>
      </c>
      <c r="C2" s="9">
        <f>SUM(C6+C12+C18+C24+C30+C36+C42+H6+H12+H18+H24+H30+H36+H42+M6+M12+M18+M24+M30+M36+M42+M44+M46)</f>
        <v>141</v>
      </c>
      <c r="D2" s="9">
        <f>SUM(D6+D12+D18+D24+D30+D36+D42+I6+I12+I18+I24+I30+I36+I42+N6+N12+N18+N24+N30+N36+N42+N44+N46)</f>
        <v>10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9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8</v>
      </c>
      <c r="C6" s="17">
        <v>2</v>
      </c>
      <c r="D6" s="17">
        <v>6</v>
      </c>
      <c r="F6" s="16" t="s">
        <v>14</v>
      </c>
      <c r="G6" s="17">
        <v>32</v>
      </c>
      <c r="H6" s="17">
        <v>19</v>
      </c>
      <c r="I6" s="17">
        <v>13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2</v>
      </c>
      <c r="C7" s="19">
        <v>1</v>
      </c>
      <c r="D7" s="19">
        <v>1</v>
      </c>
      <c r="F7" s="18">
        <v>35</v>
      </c>
      <c r="G7" s="19">
        <v>12</v>
      </c>
      <c r="H7" s="19">
        <v>8</v>
      </c>
      <c r="I7" s="19">
        <v>4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5</v>
      </c>
      <c r="H8" s="19">
        <v>3</v>
      </c>
      <c r="I8" s="19">
        <v>2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2</v>
      </c>
      <c r="C9" s="19">
        <v>0</v>
      </c>
      <c r="D9" s="19">
        <v>2</v>
      </c>
      <c r="F9" s="18">
        <v>37</v>
      </c>
      <c r="G9" s="19">
        <v>3</v>
      </c>
      <c r="H9" s="19">
        <v>2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5</v>
      </c>
      <c r="H10" s="19">
        <v>3</v>
      </c>
      <c r="I10" s="19">
        <v>2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2</v>
      </c>
      <c r="C11" s="21">
        <v>1</v>
      </c>
      <c r="D11" s="21">
        <v>1</v>
      </c>
      <c r="F11" s="20">
        <v>39</v>
      </c>
      <c r="G11" s="19">
        <v>7</v>
      </c>
      <c r="H11" s="21">
        <v>3</v>
      </c>
      <c r="I11" s="21">
        <v>4</v>
      </c>
      <c r="K11" s="20">
        <v>74</v>
      </c>
      <c r="L11" s="19">
        <v>1</v>
      </c>
      <c r="M11" s="21">
        <v>1</v>
      </c>
      <c r="N11" s="21">
        <v>0</v>
      </c>
    </row>
    <row r="12" spans="1:14">
      <c r="A12" s="16" t="s">
        <v>17</v>
      </c>
      <c r="B12" s="17">
        <v>5</v>
      </c>
      <c r="C12" s="17">
        <v>3</v>
      </c>
      <c r="D12" s="17">
        <v>2</v>
      </c>
      <c r="F12" s="16" t="s">
        <v>18</v>
      </c>
      <c r="G12" s="17">
        <v>37</v>
      </c>
      <c r="H12" s="17">
        <v>17</v>
      </c>
      <c r="I12" s="17">
        <v>2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2</v>
      </c>
      <c r="C13" s="19">
        <v>1</v>
      </c>
      <c r="D13" s="19">
        <v>1</v>
      </c>
      <c r="F13" s="18">
        <v>40</v>
      </c>
      <c r="G13" s="19">
        <v>11</v>
      </c>
      <c r="H13" s="19">
        <v>5</v>
      </c>
      <c r="I13" s="19">
        <v>6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2</v>
      </c>
      <c r="C14" s="19">
        <v>1</v>
      </c>
      <c r="D14" s="19">
        <v>1</v>
      </c>
      <c r="F14" s="18">
        <v>41</v>
      </c>
      <c r="G14" s="19">
        <v>10</v>
      </c>
      <c r="H14" s="19">
        <v>7</v>
      </c>
      <c r="I14" s="19">
        <v>3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6</v>
      </c>
      <c r="H15" s="19">
        <v>2</v>
      </c>
      <c r="I15" s="19">
        <v>4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7</v>
      </c>
      <c r="H16" s="19">
        <v>2</v>
      </c>
      <c r="I16" s="19">
        <v>5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3</v>
      </c>
      <c r="H17" s="21">
        <v>1</v>
      </c>
      <c r="I17" s="21">
        <v>2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14</v>
      </c>
      <c r="C18" s="17">
        <v>9</v>
      </c>
      <c r="D18" s="17">
        <v>5</v>
      </c>
      <c r="F18" s="16" t="s">
        <v>21</v>
      </c>
      <c r="G18" s="17">
        <v>18</v>
      </c>
      <c r="H18" s="17">
        <v>8</v>
      </c>
      <c r="I18" s="17">
        <v>10</v>
      </c>
      <c r="K18" s="16" t="s">
        <v>22</v>
      </c>
      <c r="L18" s="17">
        <v>2</v>
      </c>
      <c r="M18" s="17">
        <v>0</v>
      </c>
      <c r="N18" s="17">
        <v>2</v>
      </c>
    </row>
    <row r="19" spans="1:14">
      <c r="A19" s="18">
        <v>10</v>
      </c>
      <c r="B19" s="19">
        <v>5</v>
      </c>
      <c r="C19" s="19">
        <v>2</v>
      </c>
      <c r="D19" s="19">
        <v>3</v>
      </c>
      <c r="F19" s="18">
        <v>45</v>
      </c>
      <c r="G19" s="19">
        <v>6</v>
      </c>
      <c r="H19" s="19">
        <v>2</v>
      </c>
      <c r="I19" s="19">
        <v>4</v>
      </c>
      <c r="K19" s="18">
        <v>80</v>
      </c>
      <c r="L19" s="19">
        <v>1</v>
      </c>
      <c r="M19" s="19">
        <v>0</v>
      </c>
      <c r="N19" s="19">
        <v>1</v>
      </c>
    </row>
    <row r="20" spans="1:14">
      <c r="A20" s="18">
        <v>11</v>
      </c>
      <c r="B20" s="19">
        <v>2</v>
      </c>
      <c r="C20" s="19">
        <v>2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5</v>
      </c>
      <c r="C21" s="19">
        <v>3</v>
      </c>
      <c r="D21" s="19">
        <v>2</v>
      </c>
      <c r="F21" s="18">
        <v>47</v>
      </c>
      <c r="G21" s="19">
        <v>4</v>
      </c>
      <c r="H21" s="19">
        <v>1</v>
      </c>
      <c r="I21" s="19">
        <v>3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1</v>
      </c>
      <c r="C22" s="19">
        <v>1</v>
      </c>
      <c r="D22" s="19">
        <v>0</v>
      </c>
      <c r="F22" s="18">
        <v>48</v>
      </c>
      <c r="G22" s="19">
        <v>4</v>
      </c>
      <c r="H22" s="19">
        <v>2</v>
      </c>
      <c r="I22" s="19">
        <v>2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1</v>
      </c>
      <c r="D23" s="21">
        <v>0</v>
      </c>
      <c r="F23" s="20">
        <v>49</v>
      </c>
      <c r="G23" s="19">
        <v>3</v>
      </c>
      <c r="H23" s="21">
        <v>2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5</v>
      </c>
      <c r="C24" s="17">
        <v>3</v>
      </c>
      <c r="D24" s="17">
        <v>2</v>
      </c>
      <c r="F24" s="16" t="s">
        <v>24</v>
      </c>
      <c r="G24" s="17">
        <v>7</v>
      </c>
      <c r="H24" s="17">
        <v>3</v>
      </c>
      <c r="I24" s="17">
        <v>4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2</v>
      </c>
      <c r="C25" s="19">
        <v>1</v>
      </c>
      <c r="D25" s="19">
        <v>1</v>
      </c>
      <c r="F25" s="18">
        <v>50</v>
      </c>
      <c r="G25" s="19">
        <v>3</v>
      </c>
      <c r="H25" s="19">
        <v>1</v>
      </c>
      <c r="I25" s="19">
        <v>2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1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2</v>
      </c>
      <c r="C27" s="19">
        <v>1</v>
      </c>
      <c r="D27" s="19">
        <v>1</v>
      </c>
      <c r="F27" s="18">
        <v>52</v>
      </c>
      <c r="G27" s="19">
        <v>2</v>
      </c>
      <c r="H27" s="19">
        <v>1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4</v>
      </c>
      <c r="C30" s="17">
        <v>13</v>
      </c>
      <c r="D30" s="17">
        <v>1</v>
      </c>
      <c r="F30" s="16" t="s">
        <v>27</v>
      </c>
      <c r="G30" s="17">
        <v>5</v>
      </c>
      <c r="H30" s="17">
        <v>2</v>
      </c>
      <c r="I30" s="17">
        <v>3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3</v>
      </c>
      <c r="C31" s="19">
        <v>3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5</v>
      </c>
      <c r="C32" s="19">
        <v>5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2</v>
      </c>
      <c r="C34" s="19">
        <v>2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3</v>
      </c>
      <c r="C35" s="21">
        <v>2</v>
      </c>
      <c r="D35" s="21">
        <v>1</v>
      </c>
      <c r="F35" s="20">
        <v>59</v>
      </c>
      <c r="G35" s="19">
        <v>2</v>
      </c>
      <c r="H35" s="21">
        <v>1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7</v>
      </c>
      <c r="C36" s="17">
        <v>32</v>
      </c>
      <c r="D36" s="17">
        <v>15</v>
      </c>
      <c r="F36" s="16" t="s">
        <v>30</v>
      </c>
      <c r="G36" s="17">
        <v>5</v>
      </c>
      <c r="H36" s="17">
        <v>1</v>
      </c>
      <c r="I36" s="17">
        <v>4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7</v>
      </c>
      <c r="C37" s="19">
        <v>5</v>
      </c>
      <c r="D37" s="19">
        <v>2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7</v>
      </c>
      <c r="C38" s="19">
        <v>7</v>
      </c>
      <c r="D38" s="19">
        <v>0</v>
      </c>
      <c r="F38" s="18">
        <v>61</v>
      </c>
      <c r="G38" s="19">
        <v>2</v>
      </c>
      <c r="H38" s="19">
        <v>1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6</v>
      </c>
      <c r="C39" s="19">
        <v>8</v>
      </c>
      <c r="D39" s="19">
        <v>8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9</v>
      </c>
      <c r="C40" s="19">
        <v>5</v>
      </c>
      <c r="D40" s="19">
        <v>4</v>
      </c>
      <c r="F40" s="18">
        <v>63</v>
      </c>
      <c r="G40" s="19">
        <v>2</v>
      </c>
      <c r="H40" s="19">
        <v>0</v>
      </c>
      <c r="I40" s="19">
        <v>2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8</v>
      </c>
      <c r="C41" s="21">
        <v>7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3</v>
      </c>
      <c r="C42" s="17">
        <v>28</v>
      </c>
      <c r="D42" s="17">
        <v>15</v>
      </c>
      <c r="F42" s="16" t="s">
        <v>33</v>
      </c>
      <c r="G42" s="17">
        <v>4</v>
      </c>
      <c r="H42" s="17">
        <v>0</v>
      </c>
      <c r="I42" s="17">
        <v>4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3</v>
      </c>
      <c r="C43" s="19">
        <v>2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3</v>
      </c>
      <c r="C44" s="19">
        <v>7</v>
      </c>
      <c r="D44" s="19">
        <v>6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9</v>
      </c>
      <c r="C45" s="19">
        <v>9</v>
      </c>
      <c r="D45" s="19">
        <v>0</v>
      </c>
      <c r="F45" s="18">
        <v>67</v>
      </c>
      <c r="G45" s="19">
        <v>2</v>
      </c>
      <c r="H45" s="19">
        <v>0</v>
      </c>
      <c r="I45" s="19">
        <v>2</v>
      </c>
      <c r="K45" s="18"/>
      <c r="L45" s="19"/>
      <c r="M45" s="19"/>
      <c r="N45" s="19"/>
    </row>
    <row r="46" spans="1:14">
      <c r="A46" s="18">
        <v>33</v>
      </c>
      <c r="B46" s="19">
        <v>6</v>
      </c>
      <c r="C46" s="19">
        <v>3</v>
      </c>
      <c r="D46" s="19">
        <v>3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2</v>
      </c>
      <c r="C47" s="21">
        <v>7</v>
      </c>
      <c r="D47" s="21">
        <v>5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699</v>
      </c>
      <c r="C1" s="3"/>
      <c r="D1" s="4" t="s">
        <v>700</v>
      </c>
      <c r="E1" s="5" t="s">
        <v>69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01</v>
      </c>
      <c r="C1" s="3"/>
      <c r="D1" s="4" t="s">
        <v>702</v>
      </c>
      <c r="E1" s="5" t="s">
        <v>69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03</v>
      </c>
      <c r="C1" s="3"/>
      <c r="D1" s="4" t="s">
        <v>704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05</v>
      </c>
      <c r="C1" s="3"/>
      <c r="D1" s="4" t="s">
        <v>706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07</v>
      </c>
      <c r="C1" s="3"/>
      <c r="D1" s="4" t="s">
        <v>708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09</v>
      </c>
      <c r="C1" s="3"/>
      <c r="D1" s="4" t="s">
        <v>710</v>
      </c>
      <c r="E1" s="5" t="s">
        <v>698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0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1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1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1</v>
      </c>
      <c r="C1" s="3"/>
      <c r="D1" s="4" t="s">
        <v>712</v>
      </c>
      <c r="E1" s="5" t="s">
        <v>698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9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4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2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01</v>
      </c>
      <c r="C1" s="3"/>
      <c r="D1" s="4" t="s">
        <v>102</v>
      </c>
      <c r="E1" s="5" t="s">
        <v>9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3</v>
      </c>
      <c r="C1" s="3"/>
      <c r="D1" s="4" t="s">
        <v>714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5</v>
      </c>
      <c r="C1" s="3"/>
      <c r="D1" s="4" t="s">
        <v>716</v>
      </c>
      <c r="E1" s="5" t="s">
        <v>698</v>
      </c>
    </row>
    <row r="2" spans="1:14">
      <c r="A2" s="8" t="s">
        <v>4</v>
      </c>
      <c r="B2" s="9">
        <f>SUM(C2:D2)</f>
        <v>53</v>
      </c>
      <c r="C2" s="9">
        <f>SUM(C6+C12+C18+C24+C30+C36+C42+H6+H12+H18+H24+H30+H36+H42+M6+M12+M18+M24+M30+M36+M42+M44+M46)</f>
        <v>30</v>
      </c>
      <c r="D2" s="9">
        <f>SUM(D6+D12+D18+D24+D30+D36+D42+I6+I12+I18+I24+I30+I36+I42+N6+N12+N18+N24+N30+N36+N42+N44+N46)</f>
        <v>2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1</v>
      </c>
      <c r="D6" s="17">
        <v>1</v>
      </c>
      <c r="F6" s="16" t="s">
        <v>14</v>
      </c>
      <c r="G6" s="17">
        <v>7</v>
      </c>
      <c r="H6" s="17">
        <v>2</v>
      </c>
      <c r="I6" s="17">
        <v>5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4</v>
      </c>
      <c r="H7" s="19">
        <v>1</v>
      </c>
      <c r="I7" s="19">
        <v>3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3</v>
      </c>
      <c r="H8" s="19">
        <v>1</v>
      </c>
      <c r="I8" s="19">
        <v>2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1</v>
      </c>
      <c r="C9" s="19">
        <v>0</v>
      </c>
      <c r="D9" s="19">
        <v>1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1</v>
      </c>
      <c r="C11" s="21">
        <v>1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3</v>
      </c>
      <c r="C12" s="17">
        <v>1</v>
      </c>
      <c r="D12" s="17">
        <v>2</v>
      </c>
      <c r="F12" s="16" t="s">
        <v>18</v>
      </c>
      <c r="G12" s="17">
        <v>9</v>
      </c>
      <c r="H12" s="17">
        <v>3</v>
      </c>
      <c r="I12" s="17">
        <v>6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2</v>
      </c>
      <c r="C13" s="19">
        <v>1</v>
      </c>
      <c r="D13" s="19">
        <v>1</v>
      </c>
      <c r="F13" s="18">
        <v>40</v>
      </c>
      <c r="G13" s="19">
        <v>5</v>
      </c>
      <c r="H13" s="19">
        <v>2</v>
      </c>
      <c r="I13" s="19">
        <v>3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1</v>
      </c>
      <c r="C14" s="19">
        <v>0</v>
      </c>
      <c r="D14" s="19">
        <v>1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2</v>
      </c>
      <c r="H15" s="19">
        <v>0</v>
      </c>
      <c r="I15" s="19">
        <v>2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4</v>
      </c>
      <c r="H18" s="17">
        <v>2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2</v>
      </c>
      <c r="H21" s="19">
        <v>1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1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3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3</v>
      </c>
      <c r="C32" s="19">
        <v>3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4</v>
      </c>
      <c r="C36" s="17">
        <v>11</v>
      </c>
      <c r="D36" s="17">
        <v>3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3</v>
      </c>
      <c r="C37" s="19">
        <v>3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2</v>
      </c>
      <c r="D38" s="19">
        <v>0</v>
      </c>
      <c r="F38" s="18">
        <v>61</v>
      </c>
      <c r="G38" s="19">
        <v>1</v>
      </c>
      <c r="H38" s="19">
        <v>1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4</v>
      </c>
      <c r="C39" s="19">
        <v>3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1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2</v>
      </c>
      <c r="C41" s="21">
        <v>2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8</v>
      </c>
      <c r="C42" s="17">
        <v>5</v>
      </c>
      <c r="D42" s="17">
        <v>3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2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3</v>
      </c>
      <c r="C47" s="21">
        <v>2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7</v>
      </c>
      <c r="C1" s="3"/>
      <c r="D1" s="4" t="s">
        <v>718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19</v>
      </c>
      <c r="C1" s="3"/>
      <c r="D1" s="4" t="s">
        <v>720</v>
      </c>
      <c r="E1" s="5" t="s">
        <v>698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2</v>
      </c>
      <c r="H11" s="21">
        <v>1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1</v>
      </c>
      <c r="D18" s="17">
        <v>1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1</v>
      </c>
      <c r="C20" s="19">
        <v>1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0</v>
      </c>
      <c r="D21" s="19">
        <v>1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1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21</v>
      </c>
      <c r="C1" s="3"/>
      <c r="D1" s="4" t="s">
        <v>722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23</v>
      </c>
      <c r="C1" s="3"/>
      <c r="D1" s="4" t="s">
        <v>724</v>
      </c>
      <c r="E1" s="5" t="s">
        <v>69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1</v>
      </c>
      <c r="C9" s="19">
        <v>0</v>
      </c>
      <c r="D9" s="19">
        <v>1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25</v>
      </c>
      <c r="C1" s="3"/>
      <c r="D1" s="4" t="s">
        <v>726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27</v>
      </c>
      <c r="C1" s="3"/>
      <c r="D1" s="4" t="s">
        <v>728</v>
      </c>
      <c r="E1" s="5" t="s">
        <v>698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29</v>
      </c>
      <c r="C1" s="3"/>
      <c r="D1" s="4" t="s">
        <v>730</v>
      </c>
      <c r="E1" s="5" t="s">
        <v>698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10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0</v>
      </c>
      <c r="D7" s="19">
        <v>1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4</v>
      </c>
      <c r="H12" s="17">
        <v>4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2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1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3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3</v>
      </c>
      <c r="C44" s="19">
        <v>3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1</v>
      </c>
      <c r="C1" s="3"/>
      <c r="D1" s="4" t="s">
        <v>732</v>
      </c>
      <c r="E1" s="5" t="s">
        <v>698</v>
      </c>
    </row>
    <row r="2" spans="1:14">
      <c r="A2" s="8" t="s">
        <v>4</v>
      </c>
      <c r="B2" s="9">
        <f>SUM(C2:D2)</f>
        <v>14</v>
      </c>
      <c r="C2" s="9">
        <f>SUM(C6+C12+C18+C24+C30+C36+C42+H6+H12+H18+H24+H30+H36+H42+M6+M12+M18+M24+M30+M36+M42+M44+M46)</f>
        <v>8</v>
      </c>
      <c r="D2" s="9">
        <f>SUM(D6+D12+D18+D24+D30+D36+D42+I6+I12+I18+I24+I30+I36+I42+N6+N12+N18+N24+N30+N36+N42+N44+N46)</f>
        <v>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5</v>
      </c>
      <c r="H6" s="17">
        <v>4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2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2</v>
      </c>
      <c r="H11" s="21">
        <v>1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3</v>
      </c>
      <c r="H12" s="17">
        <v>1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3</v>
      </c>
      <c r="H14" s="19">
        <v>1</v>
      </c>
      <c r="I14" s="19">
        <v>2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0</v>
      </c>
      <c r="D21" s="19">
        <v>1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03</v>
      </c>
      <c r="C1" s="3"/>
      <c r="D1" s="4" t="s">
        <v>104</v>
      </c>
      <c r="E1" s="5" t="s">
        <v>9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1</v>
      </c>
      <c r="H45" s="19">
        <v>0</v>
      </c>
      <c r="I45" s="19">
        <v>1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3</v>
      </c>
      <c r="C1" s="3"/>
      <c r="D1" s="4" t="s">
        <v>734</v>
      </c>
      <c r="E1" s="5" t="s">
        <v>698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1</v>
      </c>
      <c r="C11" s="21">
        <v>0</v>
      </c>
      <c r="D11" s="21">
        <v>1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1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1</v>
      </c>
      <c r="C22" s="19">
        <v>1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0</v>
      </c>
      <c r="D25" s="19">
        <v>1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5</v>
      </c>
      <c r="C1" s="3"/>
      <c r="D1" s="4" t="s">
        <v>736</v>
      </c>
      <c r="E1" s="5" t="s">
        <v>698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1</v>
      </c>
      <c r="D42" s="17">
        <v>3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3</v>
      </c>
      <c r="C47" s="21">
        <v>1</v>
      </c>
      <c r="D47" s="21">
        <v>2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7</v>
      </c>
      <c r="C1" s="3"/>
      <c r="D1" s="4" t="s">
        <v>738</v>
      </c>
      <c r="E1" s="5" t="s">
        <v>69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39</v>
      </c>
      <c r="C1" s="3"/>
      <c r="D1" s="4" t="s">
        <v>740</v>
      </c>
      <c r="E1" s="5" t="s">
        <v>698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0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2</v>
      </c>
      <c r="C41" s="21">
        <v>2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3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41</v>
      </c>
      <c r="C1" s="3"/>
      <c r="D1" s="4" t="s">
        <v>742</v>
      </c>
      <c r="E1" s="5" t="s">
        <v>69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0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43</v>
      </c>
      <c r="C1" s="3"/>
      <c r="D1" s="4" t="s">
        <v>744</v>
      </c>
      <c r="E1" s="5" t="s">
        <v>698</v>
      </c>
    </row>
    <row r="2" spans="1:14">
      <c r="A2" s="8" t="s">
        <v>4</v>
      </c>
      <c r="B2" s="9">
        <f>SUM(C2:D2)</f>
        <v>15</v>
      </c>
      <c r="C2" s="9">
        <f>SUM(C6+C12+C18+C24+C30+C36+C42+H6+H12+H18+H24+H30+H36+H42+M6+M12+M18+M24+M30+M36+M42+M44+M46)</f>
        <v>10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4</v>
      </c>
      <c r="H6" s="17">
        <v>3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3</v>
      </c>
      <c r="H7" s="19">
        <v>2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2</v>
      </c>
      <c r="H16" s="19">
        <v>1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1</v>
      </c>
      <c r="D36" s="17">
        <v>3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4</v>
      </c>
      <c r="C39" s="19">
        <v>1</v>
      </c>
      <c r="D39" s="19">
        <v>3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4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2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2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45</v>
      </c>
      <c r="C1" s="3"/>
      <c r="D1" s="4" t="s">
        <v>746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47</v>
      </c>
      <c r="C1" s="3"/>
      <c r="D1" s="4" t="s">
        <v>748</v>
      </c>
      <c r="E1" s="5" t="s">
        <v>698</v>
      </c>
    </row>
    <row r="2" spans="1:14">
      <c r="A2" s="8" t="s">
        <v>4</v>
      </c>
      <c r="B2" s="9">
        <f>SUM(C2:D2)</f>
        <v>29</v>
      </c>
      <c r="C2" s="9">
        <f>SUM(C6+C12+C18+C24+C30+C36+C42+H6+H12+H18+H24+H30+H36+H42+M6+M12+M18+M24+M30+M36+M42+M44+M46)</f>
        <v>14</v>
      </c>
      <c r="D2" s="9">
        <f>SUM(D6+D12+D18+D24+D30+D36+D42+I6+I12+I18+I24+I30+I36+I42+N6+N12+N18+N24+N30+N36+N42+N44+N46)</f>
        <v>1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1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3</v>
      </c>
      <c r="H18" s="17">
        <v>1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1</v>
      </c>
      <c r="C19" s="19">
        <v>0</v>
      </c>
      <c r="D19" s="19">
        <v>1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2</v>
      </c>
      <c r="D24" s="17">
        <v>1</v>
      </c>
      <c r="F24" s="16" t="s">
        <v>24</v>
      </c>
      <c r="G24" s="17">
        <v>3</v>
      </c>
      <c r="H24" s="17">
        <v>1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1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1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0</v>
      </c>
      <c r="D27" s="19">
        <v>1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4</v>
      </c>
      <c r="C30" s="17">
        <v>3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7</v>
      </c>
      <c r="C36" s="17">
        <v>3</v>
      </c>
      <c r="D36" s="17">
        <v>4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2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1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5</v>
      </c>
      <c r="C42" s="17">
        <v>2</v>
      </c>
      <c r="D42" s="17">
        <v>3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4</v>
      </c>
      <c r="C44" s="19">
        <v>1</v>
      </c>
      <c r="D44" s="19">
        <v>3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1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49</v>
      </c>
      <c r="C1" s="3"/>
      <c r="D1" s="4" t="s">
        <v>750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1</v>
      </c>
      <c r="C1" s="3"/>
      <c r="D1" s="4" t="s">
        <v>752</v>
      </c>
      <c r="E1" s="5" t="s">
        <v>698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05</v>
      </c>
      <c r="C1" s="3"/>
      <c r="D1" s="4" t="s">
        <v>106</v>
      </c>
      <c r="E1" s="5" t="s">
        <v>90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1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0</v>
      </c>
      <c r="D30" s="17">
        <v>2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0</v>
      </c>
      <c r="D32" s="19">
        <v>2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0</v>
      </c>
      <c r="D36" s="17">
        <v>4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0</v>
      </c>
      <c r="D40" s="19">
        <v>2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3</v>
      </c>
      <c r="C1" s="3"/>
      <c r="D1" s="4" t="s">
        <v>754</v>
      </c>
      <c r="E1" s="5" t="s">
        <v>698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5</v>
      </c>
      <c r="C1" s="3"/>
      <c r="D1" s="4" t="s">
        <v>756</v>
      </c>
      <c r="E1" s="5" t="s">
        <v>698</v>
      </c>
    </row>
    <row r="2" spans="1:14">
      <c r="A2" s="8" t="s">
        <v>4</v>
      </c>
      <c r="B2" s="9">
        <f>SUM(C2:D2)</f>
        <v>21</v>
      </c>
      <c r="C2" s="9">
        <f>SUM(C6+C12+C18+C24+C30+C36+C42+H6+H12+H18+H24+H30+H36+H42+M6+M12+M18+M24+M30+M36+M42+M44+M46)</f>
        <v>11</v>
      </c>
      <c r="D2" s="9">
        <f>SUM(D6+D12+D18+D24+D30+D36+D42+I6+I12+I18+I24+I30+I36+I42+N6+N12+N18+N24+N30+N36+N42+N44+N46)</f>
        <v>1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0</v>
      </c>
      <c r="D6" s="17">
        <v>2</v>
      </c>
      <c r="F6" s="16" t="s">
        <v>14</v>
      </c>
      <c r="G6" s="17">
        <v>4</v>
      </c>
      <c r="H6" s="17">
        <v>2</v>
      </c>
      <c r="I6" s="17">
        <v>2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0</v>
      </c>
      <c r="D8" s="19">
        <v>1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0</v>
      </c>
      <c r="D10" s="19">
        <v>1</v>
      </c>
      <c r="F10" s="18">
        <v>38</v>
      </c>
      <c r="G10" s="19">
        <v>2</v>
      </c>
      <c r="H10" s="19">
        <v>1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1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2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1</v>
      </c>
      <c r="C19" s="19">
        <v>1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1</v>
      </c>
      <c r="M19" s="19">
        <v>0</v>
      </c>
      <c r="N19" s="19">
        <v>1</v>
      </c>
    </row>
    <row r="20" spans="1:14">
      <c r="A20" s="18">
        <v>11</v>
      </c>
      <c r="B20" s="19">
        <v>1</v>
      </c>
      <c r="C20" s="19">
        <v>1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2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1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5</v>
      </c>
      <c r="C42" s="17">
        <v>4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2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7</v>
      </c>
      <c r="C1" s="3"/>
      <c r="D1" s="4" t="s">
        <v>758</v>
      </c>
      <c r="E1" s="5" t="s">
        <v>698</v>
      </c>
    </row>
    <row r="2" spans="1:14">
      <c r="A2" s="8" t="s">
        <v>4</v>
      </c>
      <c r="B2" s="9">
        <f>SUM(C2:D2)</f>
        <v>30</v>
      </c>
      <c r="C2" s="9">
        <f>SUM(C6+C12+C18+C24+C30+C36+C42+H6+H12+H18+H24+H30+H36+H42+M6+M12+M18+M24+M30+M36+M42+M44+M46)</f>
        <v>16</v>
      </c>
      <c r="D2" s="9">
        <f>SUM(D6+D12+D18+D24+D30+D36+D42+I6+I12+I18+I24+I30+I36+I42+N6+N12+N18+N24+N30+N36+N42+N44+N46)</f>
        <v>1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3</v>
      </c>
      <c r="H6" s="17">
        <v>2</v>
      </c>
      <c r="I6" s="17">
        <v>1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1</v>
      </c>
      <c r="M10" s="19">
        <v>0</v>
      </c>
      <c r="N10" s="19">
        <v>1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1</v>
      </c>
      <c r="M11" s="21">
        <v>1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9</v>
      </c>
      <c r="H12" s="17">
        <v>5</v>
      </c>
      <c r="I12" s="17">
        <v>4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2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2</v>
      </c>
      <c r="H15" s="19">
        <v>1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0</v>
      </c>
      <c r="I16" s="19">
        <v>1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2</v>
      </c>
      <c r="H17" s="21">
        <v>1</v>
      </c>
      <c r="I17" s="21">
        <v>1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5</v>
      </c>
      <c r="C18" s="17">
        <v>3</v>
      </c>
      <c r="D18" s="17">
        <v>2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3</v>
      </c>
      <c r="C19" s="19">
        <v>1</v>
      </c>
      <c r="D19" s="19">
        <v>2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1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1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2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3</v>
      </c>
      <c r="H42" s="17">
        <v>0</v>
      </c>
      <c r="I42" s="17">
        <v>3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2</v>
      </c>
      <c r="H45" s="19">
        <v>0</v>
      </c>
      <c r="I45" s="19">
        <v>2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59</v>
      </c>
      <c r="C1" s="3"/>
      <c r="D1" s="4" t="s">
        <v>760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61</v>
      </c>
      <c r="C1" s="3"/>
      <c r="D1" s="4" t="s">
        <v>762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63</v>
      </c>
      <c r="C1" s="3"/>
      <c r="D1" s="4" t="s">
        <v>764</v>
      </c>
      <c r="E1" s="5" t="s">
        <v>698</v>
      </c>
    </row>
    <row r="2" spans="1:14">
      <c r="A2" s="8" t="s">
        <v>4</v>
      </c>
      <c r="B2" s="9">
        <f>SUM(C2:D2)</f>
        <v>13</v>
      </c>
      <c r="C2" s="9">
        <f>SUM(C6+C12+C18+C24+C30+C36+C42+H6+H12+H18+H24+H30+H36+H42+M6+M12+M18+M24+M30+M36+M42+M44+M46)</f>
        <v>8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1</v>
      </c>
      <c r="C14" s="19">
        <v>1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2</v>
      </c>
      <c r="D18" s="17">
        <v>0</v>
      </c>
      <c r="F18" s="16" t="s">
        <v>21</v>
      </c>
      <c r="G18" s="17">
        <v>3</v>
      </c>
      <c r="H18" s="17">
        <v>2</v>
      </c>
      <c r="I18" s="17">
        <v>1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2</v>
      </c>
      <c r="C21" s="19">
        <v>2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2</v>
      </c>
      <c r="H22" s="19">
        <v>1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1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65</v>
      </c>
      <c r="C1" s="3"/>
      <c r="D1" s="4" t="s">
        <v>766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67</v>
      </c>
      <c r="C1" s="3"/>
      <c r="D1" s="4" t="s">
        <v>768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69</v>
      </c>
      <c r="C1" s="3"/>
      <c r="D1" s="4" t="s">
        <v>770</v>
      </c>
      <c r="E1" s="5" t="s">
        <v>69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1</v>
      </c>
      <c r="C1" s="3"/>
      <c r="D1" s="4" t="s">
        <v>2</v>
      </c>
      <c r="E1" s="5" t="s">
        <v>772</v>
      </c>
    </row>
    <row r="2" spans="1:14">
      <c r="A2" s="8" t="s">
        <v>4</v>
      </c>
      <c r="B2" s="9">
        <f>SUM(C2:D2)</f>
        <v>64</v>
      </c>
      <c r="C2" s="9">
        <f>SUM(C6+C12+C18+C24+C30+C36+C42+H6+H12+H18+H24+H30+H36+H42+M6+M12+M18+M24+M30+M36+M42+M44+M46)</f>
        <v>34</v>
      </c>
      <c r="D2" s="9">
        <f>SUM(D6+D12+D18+D24+D30+D36+D42+I6+I12+I18+I24+I30+I36+I42+N6+N12+N18+N24+N30+N36+N42+N44+N46)</f>
        <v>3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2</v>
      </c>
      <c r="C6" s="17">
        <v>1</v>
      </c>
      <c r="D6" s="17">
        <v>1</v>
      </c>
      <c r="F6" s="16" t="s">
        <v>14</v>
      </c>
      <c r="G6" s="17">
        <v>9</v>
      </c>
      <c r="H6" s="17">
        <v>5</v>
      </c>
      <c r="I6" s="17">
        <v>4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0</v>
      </c>
      <c r="D7" s="19">
        <v>1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2</v>
      </c>
      <c r="H8" s="19">
        <v>2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1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1</v>
      </c>
      <c r="D10" s="19">
        <v>0</v>
      </c>
      <c r="F10" s="18">
        <v>38</v>
      </c>
      <c r="G10" s="19">
        <v>3</v>
      </c>
      <c r="H10" s="19">
        <v>1</v>
      </c>
      <c r="I10" s="19">
        <v>2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7</v>
      </c>
      <c r="H12" s="17">
        <v>3</v>
      </c>
      <c r="I12" s="17">
        <v>4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1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3</v>
      </c>
      <c r="H14" s="19">
        <v>1</v>
      </c>
      <c r="I14" s="19">
        <v>2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2</v>
      </c>
      <c r="H15" s="19">
        <v>1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4</v>
      </c>
      <c r="H18" s="17">
        <v>1</v>
      </c>
      <c r="I18" s="17">
        <v>3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1</v>
      </c>
      <c r="C19" s="19">
        <v>0</v>
      </c>
      <c r="D19" s="19">
        <v>1</v>
      </c>
      <c r="F19" s="18">
        <v>45</v>
      </c>
      <c r="G19" s="19">
        <v>2</v>
      </c>
      <c r="H19" s="19">
        <v>1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0</v>
      </c>
      <c r="I20" s="19">
        <v>2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1</v>
      </c>
      <c r="D24" s="17">
        <v>2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2</v>
      </c>
      <c r="M24" s="17">
        <v>1</v>
      </c>
      <c r="N24" s="17">
        <v>1</v>
      </c>
    </row>
    <row r="25" spans="1:14">
      <c r="A25" s="18">
        <v>15</v>
      </c>
      <c r="B25" s="19">
        <v>2</v>
      </c>
      <c r="C25" s="19">
        <v>0</v>
      </c>
      <c r="D25" s="19">
        <v>2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2</v>
      </c>
      <c r="M25" s="19">
        <v>1</v>
      </c>
      <c r="N25" s="19">
        <v>1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1</v>
      </c>
      <c r="C30" s="17">
        <v>7</v>
      </c>
      <c r="D30" s="17">
        <v>4</v>
      </c>
      <c r="F30" s="16" t="s">
        <v>27</v>
      </c>
      <c r="G30" s="17">
        <v>3</v>
      </c>
      <c r="H30" s="17">
        <v>2</v>
      </c>
      <c r="I30" s="17">
        <v>1</v>
      </c>
      <c r="K30" s="16" t="s">
        <v>28</v>
      </c>
      <c r="L30" s="17">
        <v>1</v>
      </c>
      <c r="M30" s="17">
        <v>0</v>
      </c>
      <c r="N30" s="17">
        <v>1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1</v>
      </c>
      <c r="H31" s="19">
        <v>1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4</v>
      </c>
      <c r="C32" s="19">
        <v>1</v>
      </c>
      <c r="D32" s="19">
        <v>3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1</v>
      </c>
      <c r="M32" s="19">
        <v>0</v>
      </c>
      <c r="N32" s="19">
        <v>1</v>
      </c>
    </row>
    <row r="33" spans="1:14">
      <c r="A33" s="18">
        <v>22</v>
      </c>
      <c r="B33" s="19">
        <v>3</v>
      </c>
      <c r="C33" s="19">
        <v>2</v>
      </c>
      <c r="D33" s="19">
        <v>1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2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0</v>
      </c>
      <c r="C36" s="17">
        <v>6</v>
      </c>
      <c r="D36" s="17">
        <v>4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4</v>
      </c>
      <c r="C39" s="19">
        <v>2</v>
      </c>
      <c r="D39" s="19">
        <v>2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3</v>
      </c>
      <c r="C41" s="21">
        <v>1</v>
      </c>
      <c r="D41" s="21">
        <v>2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7</v>
      </c>
      <c r="C42" s="17">
        <v>6</v>
      </c>
      <c r="D42" s="17">
        <v>1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2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2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07</v>
      </c>
      <c r="C1" s="3"/>
      <c r="D1" s="4" t="s">
        <v>108</v>
      </c>
      <c r="E1" s="5" t="s">
        <v>90</v>
      </c>
    </row>
    <row r="2" spans="1:14">
      <c r="A2" s="8" t="s">
        <v>4</v>
      </c>
      <c r="B2" s="9">
        <f>SUM(C2:D2)</f>
        <v>11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8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1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5</v>
      </c>
      <c r="C30" s="17">
        <v>2</v>
      </c>
      <c r="D30" s="17">
        <v>3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1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1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3</v>
      </c>
      <c r="C1" s="3"/>
      <c r="D1" s="4" t="s">
        <v>774</v>
      </c>
      <c r="E1" s="5" t="s">
        <v>772</v>
      </c>
    </row>
    <row r="2" spans="1:14">
      <c r="A2" s="8" t="s">
        <v>4</v>
      </c>
      <c r="B2" s="9">
        <f>SUM(C2:D2)</f>
        <v>25</v>
      </c>
      <c r="C2" s="9">
        <f>SUM(C6+C12+C18+C24+C30+C36+C42+H6+H12+H18+H24+H30+H36+H42+M6+M12+M18+M24+M30+M36+M42+M44+M46)</f>
        <v>18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3</v>
      </c>
      <c r="H6" s="17">
        <v>3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1</v>
      </c>
      <c r="C10" s="19">
        <v>1</v>
      </c>
      <c r="D10" s="19">
        <v>0</v>
      </c>
      <c r="F10" s="18">
        <v>38</v>
      </c>
      <c r="G10" s="19">
        <v>1</v>
      </c>
      <c r="H10" s="19">
        <v>1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3</v>
      </c>
      <c r="H18" s="17">
        <v>1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1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0</v>
      </c>
      <c r="I20" s="19">
        <v>2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2</v>
      </c>
      <c r="M24" s="17">
        <v>1</v>
      </c>
      <c r="N24" s="17">
        <v>1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2</v>
      </c>
      <c r="M25" s="19">
        <v>1</v>
      </c>
      <c r="N25" s="19">
        <v>1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7</v>
      </c>
      <c r="C30" s="17">
        <v>5</v>
      </c>
      <c r="D30" s="17">
        <v>2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1</v>
      </c>
      <c r="M30" s="17">
        <v>0</v>
      </c>
      <c r="N30" s="17">
        <v>1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1</v>
      </c>
      <c r="D32" s="19">
        <v>1</v>
      </c>
      <c r="F32" s="18">
        <v>56</v>
      </c>
      <c r="G32" s="19">
        <v>1</v>
      </c>
      <c r="H32" s="19">
        <v>1</v>
      </c>
      <c r="I32" s="19">
        <v>0</v>
      </c>
      <c r="K32" s="18">
        <v>91</v>
      </c>
      <c r="L32" s="19">
        <v>1</v>
      </c>
      <c r="M32" s="19">
        <v>0</v>
      </c>
      <c r="N32" s="19">
        <v>1</v>
      </c>
    </row>
    <row r="33" spans="1:14">
      <c r="A33" s="18">
        <v>22</v>
      </c>
      <c r="B33" s="19">
        <v>3</v>
      </c>
      <c r="C33" s="19">
        <v>2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3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2</v>
      </c>
      <c r="C46" s="19">
        <v>1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5</v>
      </c>
      <c r="C1" s="3"/>
      <c r="D1" s="4" t="s">
        <v>776</v>
      </c>
      <c r="E1" s="5" t="s">
        <v>772</v>
      </c>
    </row>
    <row r="2" spans="1:14">
      <c r="A2" s="8" t="s">
        <v>4</v>
      </c>
      <c r="B2" s="9">
        <f>SUM(C2:D2)</f>
        <v>19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1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6</v>
      </c>
      <c r="H6" s="17">
        <v>2</v>
      </c>
      <c r="I6" s="17">
        <v>4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2</v>
      </c>
      <c r="H9" s="19">
        <v>1</v>
      </c>
      <c r="I9" s="19">
        <v>1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2</v>
      </c>
      <c r="H10" s="19">
        <v>0</v>
      </c>
      <c r="I10" s="19">
        <v>2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3</v>
      </c>
      <c r="H12" s="17">
        <v>2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1</v>
      </c>
      <c r="C19" s="19">
        <v>0</v>
      </c>
      <c r="D19" s="19">
        <v>1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2</v>
      </c>
      <c r="C24" s="17">
        <v>0</v>
      </c>
      <c r="D24" s="17">
        <v>2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2</v>
      </c>
      <c r="C25" s="19">
        <v>0</v>
      </c>
      <c r="D25" s="19">
        <v>2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0</v>
      </c>
      <c r="D36" s="17">
        <v>3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0</v>
      </c>
      <c r="D39" s="19">
        <v>2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7</v>
      </c>
      <c r="C1" s="3"/>
      <c r="D1" s="4" t="s">
        <v>778</v>
      </c>
      <c r="E1" s="5" t="s">
        <v>77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79</v>
      </c>
      <c r="C1" s="3"/>
      <c r="D1" s="4" t="s">
        <v>780</v>
      </c>
      <c r="E1" s="5" t="s">
        <v>772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7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1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2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3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81</v>
      </c>
      <c r="C1" s="3"/>
      <c r="D1" s="4" t="s">
        <v>782</v>
      </c>
      <c r="E1" s="5" t="s">
        <v>772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1</v>
      </c>
      <c r="H47" s="21">
        <v>0</v>
      </c>
      <c r="I47" s="21">
        <v>1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83</v>
      </c>
      <c r="C1" s="3"/>
      <c r="D1" s="4" t="s">
        <v>784</v>
      </c>
      <c r="E1" s="5" t="s">
        <v>772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0</v>
      </c>
      <c r="D6" s="17">
        <v>1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1</v>
      </c>
      <c r="C7" s="19">
        <v>0</v>
      </c>
      <c r="D7" s="19">
        <v>1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1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85</v>
      </c>
      <c r="C1" s="3"/>
      <c r="D1" s="4" t="s">
        <v>786</v>
      </c>
      <c r="E1" s="5" t="s">
        <v>772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3</v>
      </c>
      <c r="H12" s="17">
        <v>0</v>
      </c>
      <c r="I12" s="17">
        <v>3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87</v>
      </c>
      <c r="C1" s="3"/>
      <c r="D1" s="4" t="s">
        <v>788</v>
      </c>
      <c r="E1" s="5" t="s">
        <v>77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89</v>
      </c>
      <c r="C1" s="3"/>
      <c r="D1" s="4" t="s">
        <v>790</v>
      </c>
      <c r="E1" s="5" t="s">
        <v>77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1</v>
      </c>
      <c r="C1" s="3"/>
      <c r="D1" s="4" t="s">
        <v>792</v>
      </c>
      <c r="E1" s="5" t="s">
        <v>77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09</v>
      </c>
      <c r="C1" s="3"/>
      <c r="D1" s="4" t="s">
        <v>2</v>
      </c>
      <c r="E1" s="5" t="s">
        <v>110</v>
      </c>
    </row>
    <row r="2" spans="1:14">
      <c r="A2" s="8" t="s">
        <v>4</v>
      </c>
      <c r="B2" s="9">
        <f>SUM(C2:D2)</f>
        <v>42</v>
      </c>
      <c r="C2" s="9">
        <f>SUM(C6+C12+C18+C24+C30+C36+C42+H6+H12+H18+H24+H30+H36+H42+M6+M12+M18+M24+M30+M36+M42+M44+M46)</f>
        <v>19</v>
      </c>
      <c r="D2" s="9">
        <f>SUM(D6+D12+D18+D24+D30+D36+D42+I6+I12+I18+I24+I30+I36+I42+N6+N12+N18+N24+N30+N36+N42+N44+N46)</f>
        <v>2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3</v>
      </c>
      <c r="H6" s="17">
        <v>1</v>
      </c>
      <c r="I6" s="17">
        <v>2</v>
      </c>
      <c r="K6" s="16" t="s">
        <v>15</v>
      </c>
      <c r="L6" s="17">
        <v>2</v>
      </c>
      <c r="M6" s="17">
        <v>1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1</v>
      </c>
      <c r="I7" s="19">
        <v>1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1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5</v>
      </c>
      <c r="H12" s="17">
        <v>3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2</v>
      </c>
      <c r="H15" s="19">
        <v>0</v>
      </c>
      <c r="I15" s="19">
        <v>2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2</v>
      </c>
      <c r="H16" s="19">
        <v>2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3</v>
      </c>
      <c r="C18" s="17">
        <v>2</v>
      </c>
      <c r="D18" s="17">
        <v>1</v>
      </c>
      <c r="F18" s="16" t="s">
        <v>21</v>
      </c>
      <c r="G18" s="17">
        <v>5</v>
      </c>
      <c r="H18" s="17">
        <v>1</v>
      </c>
      <c r="I18" s="17">
        <v>4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2</v>
      </c>
      <c r="H19" s="19">
        <v>1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1</v>
      </c>
      <c r="C20" s="19">
        <v>0</v>
      </c>
      <c r="D20" s="19">
        <v>1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1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2</v>
      </c>
      <c r="D24" s="17">
        <v>1</v>
      </c>
      <c r="F24" s="16" t="s">
        <v>24</v>
      </c>
      <c r="G24" s="17">
        <v>5</v>
      </c>
      <c r="H24" s="17">
        <v>1</v>
      </c>
      <c r="I24" s="17">
        <v>4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1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1</v>
      </c>
      <c r="D26" s="19">
        <v>0</v>
      </c>
      <c r="F26" s="18">
        <v>51</v>
      </c>
      <c r="G26" s="19">
        <v>3</v>
      </c>
      <c r="H26" s="19">
        <v>0</v>
      </c>
      <c r="I26" s="19">
        <v>3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0</v>
      </c>
      <c r="D27" s="19">
        <v>1</v>
      </c>
      <c r="F27" s="18">
        <v>52</v>
      </c>
      <c r="G27" s="19">
        <v>1</v>
      </c>
      <c r="H27" s="19">
        <v>1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5</v>
      </c>
      <c r="C36" s="17">
        <v>2</v>
      </c>
      <c r="D36" s="17">
        <v>3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3</v>
      </c>
      <c r="C38" s="19">
        <v>2</v>
      </c>
      <c r="D38" s="19">
        <v>1</v>
      </c>
      <c r="F38" s="18">
        <v>61</v>
      </c>
      <c r="G38" s="19">
        <v>1</v>
      </c>
      <c r="H38" s="19">
        <v>1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4</v>
      </c>
      <c r="C42" s="17">
        <v>1</v>
      </c>
      <c r="D42" s="17">
        <v>3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0</v>
      </c>
      <c r="D44" s="19">
        <v>2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3</v>
      </c>
      <c r="C1" s="3"/>
      <c r="D1" s="4" t="s">
        <v>2</v>
      </c>
      <c r="E1" s="5" t="s">
        <v>794</v>
      </c>
    </row>
    <row r="2" spans="1:14">
      <c r="A2" s="8" t="s">
        <v>4</v>
      </c>
      <c r="B2" s="9">
        <f>SUM(C2:D2)</f>
        <v>16</v>
      </c>
      <c r="C2" s="9">
        <f>SUM(C6+C12+C18+C24+C30+C36+C42+H6+H12+H18+H24+H30+H36+H42+M6+M12+M18+M24+M30+M36+M42+M44+M46)</f>
        <v>9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4</v>
      </c>
      <c r="H12" s="17">
        <v>2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2</v>
      </c>
      <c r="H14" s="19">
        <v>1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3</v>
      </c>
      <c r="D30" s="17">
        <v>0</v>
      </c>
      <c r="F30" s="16" t="s">
        <v>27</v>
      </c>
      <c r="G30" s="17">
        <v>3</v>
      </c>
      <c r="H30" s="17">
        <v>0</v>
      </c>
      <c r="I30" s="17">
        <v>3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2</v>
      </c>
      <c r="H32" s="19">
        <v>0</v>
      </c>
      <c r="I32" s="19">
        <v>2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2</v>
      </c>
      <c r="D42" s="17">
        <v>0</v>
      </c>
      <c r="F42" s="16" t="s">
        <v>33</v>
      </c>
      <c r="G42" s="17">
        <v>2</v>
      </c>
      <c r="H42" s="17">
        <v>0</v>
      </c>
      <c r="I42" s="17">
        <v>2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5</v>
      </c>
      <c r="C1" s="3"/>
      <c r="D1" s="4" t="s">
        <v>796</v>
      </c>
      <c r="E1" s="5" t="s">
        <v>794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7</v>
      </c>
      <c r="C1" s="3"/>
      <c r="D1" s="4" t="s">
        <v>798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799</v>
      </c>
      <c r="C1" s="3"/>
      <c r="D1" s="4" t="s">
        <v>800</v>
      </c>
      <c r="E1" s="5" t="s">
        <v>79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01</v>
      </c>
      <c r="C1" s="3"/>
      <c r="D1" s="4" t="s">
        <v>802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03</v>
      </c>
      <c r="C1" s="3"/>
      <c r="D1" s="4" t="s">
        <v>804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05</v>
      </c>
      <c r="C1" s="3"/>
      <c r="D1" s="4" t="s">
        <v>806</v>
      </c>
      <c r="E1" s="5" t="s">
        <v>794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6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3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07</v>
      </c>
      <c r="C1" s="3"/>
      <c r="D1" s="4" t="s">
        <v>808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09</v>
      </c>
      <c r="C1" s="3"/>
      <c r="D1" s="4" t="s">
        <v>810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1</v>
      </c>
      <c r="C1" s="3"/>
      <c r="D1" s="4" t="s">
        <v>812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11</v>
      </c>
      <c r="C1" s="3"/>
      <c r="D1" s="4" t="s">
        <v>112</v>
      </c>
      <c r="E1" s="5" t="s">
        <v>110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1</v>
      </c>
      <c r="C6" s="17">
        <v>1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1</v>
      </c>
      <c r="C8" s="19">
        <v>1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0</v>
      </c>
      <c r="I11" s="21">
        <v>1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2</v>
      </c>
      <c r="D24" s="17">
        <v>1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1</v>
      </c>
      <c r="C25" s="19">
        <v>1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1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0</v>
      </c>
      <c r="D27" s="19">
        <v>1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3</v>
      </c>
      <c r="C1" s="3"/>
      <c r="D1" s="4" t="s">
        <v>814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5</v>
      </c>
      <c r="C1" s="3"/>
      <c r="D1" s="4" t="s">
        <v>816</v>
      </c>
      <c r="E1" s="5" t="s">
        <v>794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2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1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2</v>
      </c>
      <c r="H32" s="19">
        <v>0</v>
      </c>
      <c r="I32" s="19">
        <v>2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7</v>
      </c>
      <c r="C1" s="3"/>
      <c r="D1" s="4" t="s">
        <v>818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19</v>
      </c>
      <c r="C1" s="3"/>
      <c r="D1" s="4" t="s">
        <v>820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21</v>
      </c>
      <c r="C1" s="3"/>
      <c r="D1" s="4" t="s">
        <v>822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23</v>
      </c>
      <c r="C1" s="3"/>
      <c r="D1" s="4" t="s">
        <v>824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25</v>
      </c>
      <c r="C1" s="3"/>
      <c r="D1" s="4" t="s">
        <v>826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27</v>
      </c>
      <c r="C1" s="3"/>
      <c r="D1" s="4" t="s">
        <v>828</v>
      </c>
      <c r="E1" s="5" t="s">
        <v>79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29</v>
      </c>
      <c r="C1" s="3"/>
      <c r="D1" s="4" t="s">
        <v>2</v>
      </c>
      <c r="E1" s="5" t="s">
        <v>830</v>
      </c>
    </row>
    <row r="2" spans="1:14">
      <c r="A2" s="8" t="s">
        <v>4</v>
      </c>
      <c r="B2" s="9">
        <f>SUM(C2:D2)</f>
        <v>36</v>
      </c>
      <c r="C2" s="9">
        <f>SUM(C6+C12+C18+C24+C30+C36+C42+H6+H12+H18+H24+H30+H36+H42+M6+M12+M18+M24+M30+M36+M42+M44+M46)</f>
        <v>21</v>
      </c>
      <c r="D2" s="9">
        <f>SUM(D6+D12+D18+D24+D30+D36+D42+I6+I12+I18+I24+I30+I36+I42+N6+N12+N18+N24+N30+N36+N42+N44+N46)</f>
        <v>1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4</v>
      </c>
      <c r="H12" s="17">
        <v>1</v>
      </c>
      <c r="I12" s="17">
        <v>3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2</v>
      </c>
      <c r="H15" s="19">
        <v>0</v>
      </c>
      <c r="I15" s="19">
        <v>2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3</v>
      </c>
      <c r="H18" s="17">
        <v>0</v>
      </c>
      <c r="I18" s="17">
        <v>3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3</v>
      </c>
      <c r="H23" s="21">
        <v>0</v>
      </c>
      <c r="I23" s="21">
        <v>3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1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1</v>
      </c>
      <c r="C30" s="17">
        <v>9</v>
      </c>
      <c r="D30" s="17">
        <v>2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4</v>
      </c>
      <c r="C32" s="19">
        <v>4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3</v>
      </c>
      <c r="C33" s="19">
        <v>2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2</v>
      </c>
      <c r="D35" s="21">
        <v>0</v>
      </c>
      <c r="F35" s="20">
        <v>59</v>
      </c>
      <c r="G35" s="19">
        <v>2</v>
      </c>
      <c r="H35" s="21">
        <v>1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5</v>
      </c>
      <c r="C36" s="17">
        <v>5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2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2</v>
      </c>
      <c r="D42" s="17">
        <v>1</v>
      </c>
      <c r="F42" s="16" t="s">
        <v>33</v>
      </c>
      <c r="G42" s="17">
        <v>3</v>
      </c>
      <c r="H42" s="17">
        <v>0</v>
      </c>
      <c r="I42" s="17">
        <v>3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2</v>
      </c>
      <c r="H44" s="19">
        <v>0</v>
      </c>
      <c r="I44" s="19">
        <v>2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3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1</v>
      </c>
      <c r="C1" s="3"/>
      <c r="D1" s="4" t="s">
        <v>832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1</v>
      </c>
      <c r="C1" s="3"/>
      <c r="D1" s="4" t="s">
        <v>42</v>
      </c>
      <c r="E1" s="5" t="s">
        <v>3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1</v>
      </c>
      <c r="C26" s="19">
        <v>0</v>
      </c>
      <c r="D26" s="19">
        <v>1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2</v>
      </c>
      <c r="H36" s="17">
        <v>0</v>
      </c>
      <c r="I36" s="17">
        <v>2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1</v>
      </c>
      <c r="H40" s="19">
        <v>0</v>
      </c>
      <c r="I40" s="19">
        <v>1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13</v>
      </c>
      <c r="C1" s="3"/>
      <c r="D1" s="4" t="s">
        <v>114</v>
      </c>
      <c r="E1" s="5" t="s">
        <v>11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3</v>
      </c>
      <c r="C1" s="3"/>
      <c r="D1" s="4" t="s">
        <v>834</v>
      </c>
      <c r="E1" s="5" t="s">
        <v>83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5</v>
      </c>
      <c r="C1" s="3"/>
      <c r="D1" s="4" t="s">
        <v>836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7</v>
      </c>
      <c r="C1" s="3"/>
      <c r="D1" s="4" t="s">
        <v>838</v>
      </c>
      <c r="E1" s="5" t="s">
        <v>830</v>
      </c>
    </row>
    <row r="2" spans="1:14">
      <c r="A2" s="8" t="s">
        <v>4</v>
      </c>
      <c r="B2" s="9">
        <f>SUM(C2:D2)</f>
        <v>17</v>
      </c>
      <c r="C2" s="9">
        <f>SUM(C6+C12+C18+C24+C30+C36+C42+H6+H12+H18+H24+H30+H36+H42+M6+M12+M18+M24+M30+M36+M42+M44+M46)</f>
        <v>10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2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1</v>
      </c>
      <c r="H8" s="19">
        <v>1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5</v>
      </c>
      <c r="C30" s="17">
        <v>5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3</v>
      </c>
      <c r="C32" s="19">
        <v>3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2</v>
      </c>
      <c r="H35" s="21">
        <v>1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2</v>
      </c>
      <c r="H42" s="17">
        <v>0</v>
      </c>
      <c r="I42" s="17">
        <v>2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1</v>
      </c>
      <c r="H43" s="19">
        <v>0</v>
      </c>
      <c r="I43" s="19">
        <v>1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39</v>
      </c>
      <c r="C1" s="3"/>
      <c r="D1" s="4" t="s">
        <v>840</v>
      </c>
      <c r="E1" s="5" t="s">
        <v>83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1</v>
      </c>
      <c r="H44" s="19">
        <v>0</v>
      </c>
      <c r="I44" s="19">
        <v>1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41</v>
      </c>
      <c r="C1" s="3"/>
      <c r="D1" s="4" t="s">
        <v>842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43</v>
      </c>
      <c r="C1" s="3"/>
      <c r="D1" s="4" t="s">
        <v>844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45</v>
      </c>
      <c r="C1" s="3"/>
      <c r="D1" s="4" t="s">
        <v>846</v>
      </c>
      <c r="E1" s="5" t="s">
        <v>830</v>
      </c>
    </row>
    <row r="2" spans="1:14">
      <c r="A2" s="8" t="s">
        <v>4</v>
      </c>
      <c r="B2" s="9">
        <f>SUM(C2:D2)</f>
        <v>17</v>
      </c>
      <c r="C2" s="9">
        <f>SUM(C6+C12+C18+C24+C30+C36+C42+H6+H12+H18+H24+H30+H36+H42+M6+M12+M18+M24+M30+M36+M42+M44+M46)</f>
        <v>11</v>
      </c>
      <c r="D2" s="9">
        <f>SUM(D6+D12+D18+D24+D30+D36+D42+I6+I12+I18+I24+I30+I36+I42+N6+N12+N18+N24+N30+N36+N42+N44+N46)</f>
        <v>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3</v>
      </c>
      <c r="H12" s="17">
        <v>1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1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6</v>
      </c>
      <c r="C30" s="17">
        <v>4</v>
      </c>
      <c r="D30" s="17">
        <v>2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2</v>
      </c>
      <c r="C33" s="19">
        <v>1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2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3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2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47</v>
      </c>
      <c r="C1" s="3"/>
      <c r="D1" s="4" t="s">
        <v>848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49</v>
      </c>
      <c r="C1" s="3"/>
      <c r="D1" s="4" t="s">
        <v>850</v>
      </c>
      <c r="E1" s="5" t="s">
        <v>83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1</v>
      </c>
      <c r="C1" s="3"/>
      <c r="D1" s="4" t="s">
        <v>2</v>
      </c>
      <c r="E1" s="5" t="s">
        <v>852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15</v>
      </c>
      <c r="C1" s="3"/>
      <c r="D1" s="4" t="s">
        <v>116</v>
      </c>
      <c r="E1" s="5" t="s">
        <v>11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3</v>
      </c>
      <c r="C1" s="3"/>
      <c r="D1" s="4" t="s">
        <v>854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5</v>
      </c>
      <c r="C1" s="3"/>
      <c r="D1" s="4" t="s">
        <v>856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7</v>
      </c>
      <c r="C1" s="3"/>
      <c r="D1" s="4" t="s">
        <v>858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59</v>
      </c>
      <c r="C1" s="3"/>
      <c r="D1" s="4" t="s">
        <v>860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61</v>
      </c>
      <c r="C1" s="3"/>
      <c r="D1" s="4" t="s">
        <v>862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63</v>
      </c>
      <c r="C1" s="3"/>
      <c r="D1" s="4" t="s">
        <v>864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65</v>
      </c>
      <c r="C1" s="3"/>
      <c r="D1" s="4" t="s">
        <v>866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67</v>
      </c>
      <c r="C1" s="3"/>
      <c r="D1" s="4" t="s">
        <v>868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69</v>
      </c>
      <c r="C1" s="3"/>
      <c r="D1" s="4" t="s">
        <v>870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1</v>
      </c>
      <c r="C1" s="3"/>
      <c r="D1" s="4" t="s">
        <v>872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17</v>
      </c>
      <c r="C1" s="3"/>
      <c r="D1" s="4" t="s">
        <v>118</v>
      </c>
      <c r="E1" s="5" t="s">
        <v>11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3</v>
      </c>
      <c r="C1" s="3"/>
      <c r="D1" s="4" t="s">
        <v>874</v>
      </c>
      <c r="E1" s="5" t="s">
        <v>852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0</v>
      </c>
      <c r="N9" s="19">
        <v>1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1</v>
      </c>
      <c r="H32" s="19">
        <v>0</v>
      </c>
      <c r="I32" s="19">
        <v>1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5</v>
      </c>
      <c r="C1" s="3"/>
      <c r="D1" s="4" t="s">
        <v>876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7</v>
      </c>
      <c r="C1" s="3"/>
      <c r="D1" s="4" t="s">
        <v>878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79</v>
      </c>
      <c r="C1" s="3"/>
      <c r="D1" s="4" t="s">
        <v>880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81</v>
      </c>
      <c r="C1" s="3"/>
      <c r="D1" s="4" t="s">
        <v>882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83</v>
      </c>
      <c r="C1" s="3"/>
      <c r="D1" s="4" t="s">
        <v>884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85</v>
      </c>
      <c r="C1" s="3"/>
      <c r="D1" s="4" t="s">
        <v>886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87</v>
      </c>
      <c r="C1" s="3"/>
      <c r="D1" s="4" t="s">
        <v>888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89</v>
      </c>
      <c r="C1" s="3"/>
      <c r="D1" s="4" t="s">
        <v>890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1</v>
      </c>
      <c r="C1" s="3"/>
      <c r="D1" s="4" t="s">
        <v>892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19</v>
      </c>
      <c r="C1" s="3"/>
      <c r="D1" s="4" t="s">
        <v>120</v>
      </c>
      <c r="E1" s="5" t="s">
        <v>11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3</v>
      </c>
      <c r="C1" s="3"/>
      <c r="D1" s="4" t="s">
        <v>894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5</v>
      </c>
      <c r="C1" s="3"/>
      <c r="D1" s="4" t="s">
        <v>896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7</v>
      </c>
      <c r="C1" s="3"/>
      <c r="D1" s="4" t="s">
        <v>898</v>
      </c>
      <c r="E1" s="5" t="s">
        <v>852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899</v>
      </c>
      <c r="C1" s="3"/>
      <c r="D1" s="4" t="s">
        <v>2</v>
      </c>
      <c r="E1" s="5" t="s">
        <v>90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01</v>
      </c>
      <c r="C1" s="3"/>
      <c r="D1" s="4" t="s">
        <v>902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03</v>
      </c>
      <c r="C1" s="3"/>
      <c r="D1" s="4" t="s">
        <v>904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05</v>
      </c>
      <c r="C1" s="3"/>
      <c r="D1" s="4" t="s">
        <v>906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07</v>
      </c>
      <c r="C1" s="3"/>
      <c r="D1" s="4" t="s">
        <v>908</v>
      </c>
      <c r="E1" s="5" t="s">
        <v>90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09</v>
      </c>
      <c r="C1" s="3"/>
      <c r="D1" s="4" t="s">
        <v>910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11</v>
      </c>
      <c r="C1" s="3"/>
      <c r="D1" s="4" t="s">
        <v>912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21</v>
      </c>
      <c r="C1" s="3"/>
      <c r="D1" s="4" t="s">
        <v>122</v>
      </c>
      <c r="E1" s="5" t="s">
        <v>110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1</v>
      </c>
      <c r="C18" s="17">
        <v>0</v>
      </c>
      <c r="D18" s="17">
        <v>1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2</v>
      </c>
      <c r="H19" s="19">
        <v>1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1</v>
      </c>
      <c r="C20" s="19">
        <v>0</v>
      </c>
      <c r="D20" s="19">
        <v>1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1</v>
      </c>
      <c r="H35" s="21">
        <v>0</v>
      </c>
      <c r="I35" s="21">
        <v>1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13</v>
      </c>
      <c r="C1" s="3"/>
      <c r="D1" s="4" t="s">
        <v>914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15</v>
      </c>
      <c r="C1" s="3"/>
      <c r="D1" s="4" t="s">
        <v>916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tabSelected="1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917</v>
      </c>
      <c r="C1" s="3"/>
      <c r="D1" s="4" t="s">
        <v>918</v>
      </c>
      <c r="E1" s="5" t="s">
        <v>900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23</v>
      </c>
      <c r="C1" s="3"/>
      <c r="D1" s="4" t="s">
        <v>124</v>
      </c>
      <c r="E1" s="5" t="s">
        <v>110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1</v>
      </c>
      <c r="M7" s="19">
        <v>0</v>
      </c>
      <c r="N7" s="19">
        <v>1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1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1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25</v>
      </c>
      <c r="C1" s="3"/>
      <c r="D1" s="4" t="s">
        <v>126</v>
      </c>
      <c r="E1" s="5" t="s">
        <v>110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1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1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1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0</v>
      </c>
      <c r="D40" s="19">
        <v>1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1</v>
      </c>
      <c r="C47" s="21">
        <v>0</v>
      </c>
      <c r="D47" s="21">
        <v>1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27</v>
      </c>
      <c r="C1" s="3"/>
      <c r="D1" s="4" t="s">
        <v>128</v>
      </c>
      <c r="E1" s="5" t="s">
        <v>110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1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29</v>
      </c>
      <c r="C1" s="3"/>
      <c r="D1" s="4" t="s">
        <v>130</v>
      </c>
      <c r="E1" s="5" t="s">
        <v>11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2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1</v>
      </c>
      <c r="M9" s="19">
        <v>1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31</v>
      </c>
      <c r="C1" s="3"/>
      <c r="D1" s="4" t="s">
        <v>132</v>
      </c>
      <c r="E1" s="5" t="s">
        <v>110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3</v>
      </c>
      <c r="C1" s="3"/>
      <c r="D1" s="4" t="s">
        <v>44</v>
      </c>
      <c r="E1" s="5" t="s">
        <v>3</v>
      </c>
    </row>
    <row r="2" spans="1:14">
      <c r="A2" s="8" t="s">
        <v>4</v>
      </c>
      <c r="B2" s="9">
        <f>SUM(C2:D2)</f>
        <v>9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1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1</v>
      </c>
      <c r="M24" s="17">
        <v>1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1</v>
      </c>
      <c r="M27" s="19">
        <v>1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1</v>
      </c>
      <c r="C29" s="21">
        <v>1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2</v>
      </c>
      <c r="H30" s="17">
        <v>0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33</v>
      </c>
      <c r="C1" s="3"/>
      <c r="D1" s="4" t="s">
        <v>134</v>
      </c>
      <c r="E1" s="5" t="s">
        <v>110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3</v>
      </c>
      <c r="H12" s="17">
        <v>2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1</v>
      </c>
      <c r="H16" s="19">
        <v>1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1</v>
      </c>
      <c r="H17" s="21">
        <v>1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2</v>
      </c>
      <c r="C18" s="17">
        <v>2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1</v>
      </c>
      <c r="C21" s="19">
        <v>1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1</v>
      </c>
      <c r="C23" s="21">
        <v>1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0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35</v>
      </c>
      <c r="C1" s="3"/>
      <c r="D1" s="4" t="s">
        <v>136</v>
      </c>
      <c r="E1" s="5" t="s">
        <v>110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2</v>
      </c>
      <c r="C38" s="19">
        <v>1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37</v>
      </c>
      <c r="C1" s="3"/>
      <c r="D1" s="4" t="s">
        <v>2</v>
      </c>
      <c r="E1" s="5" t="s">
        <v>138</v>
      </c>
    </row>
    <row r="2" spans="1:14">
      <c r="A2" s="8" t="s">
        <v>4</v>
      </c>
      <c r="B2" s="9">
        <f>SUM(C2:D2)</f>
        <v>58</v>
      </c>
      <c r="C2" s="9">
        <f>SUM(C6+C12+C18+C24+C30+C36+C42+H6+H12+H18+H24+H30+H36+H42+M6+M12+M18+M24+M30+M36+M42+M44+M46)</f>
        <v>26</v>
      </c>
      <c r="D2" s="9">
        <f>SUM(D6+D12+D18+D24+D30+D36+D42+I6+I12+I18+I24+I30+I36+I42+N6+N12+N18+N24+N30+N36+N42+N44+N46)</f>
        <v>3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0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3</v>
      </c>
      <c r="H6" s="17">
        <v>2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2</v>
      </c>
      <c r="H7" s="19">
        <v>1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2</v>
      </c>
      <c r="H12" s="17">
        <v>2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2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0</v>
      </c>
      <c r="D15" s="19">
        <v>1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5</v>
      </c>
      <c r="H18" s="17">
        <v>1</v>
      </c>
      <c r="I18" s="17">
        <v>4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2</v>
      </c>
      <c r="H20" s="19">
        <v>1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2</v>
      </c>
      <c r="H22" s="19">
        <v>0</v>
      </c>
      <c r="I22" s="19">
        <v>2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3</v>
      </c>
      <c r="C24" s="17">
        <v>0</v>
      </c>
      <c r="D24" s="17">
        <v>3</v>
      </c>
      <c r="F24" s="16" t="s">
        <v>24</v>
      </c>
      <c r="G24" s="17">
        <v>6</v>
      </c>
      <c r="H24" s="17">
        <v>1</v>
      </c>
      <c r="I24" s="17">
        <v>5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2</v>
      </c>
      <c r="C27" s="19">
        <v>0</v>
      </c>
      <c r="D27" s="19">
        <v>2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3</v>
      </c>
      <c r="H28" s="19">
        <v>1</v>
      </c>
      <c r="I28" s="19">
        <v>2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5</v>
      </c>
      <c r="C30" s="17">
        <v>11</v>
      </c>
      <c r="D30" s="17">
        <v>4</v>
      </c>
      <c r="F30" s="16" t="s">
        <v>27</v>
      </c>
      <c r="G30" s="17">
        <v>3</v>
      </c>
      <c r="H30" s="17">
        <v>1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1</v>
      </c>
      <c r="D31" s="19">
        <v>1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3</v>
      </c>
      <c r="C32" s="19">
        <v>1</v>
      </c>
      <c r="D32" s="19">
        <v>2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3</v>
      </c>
      <c r="C33" s="19">
        <v>3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5</v>
      </c>
      <c r="C34" s="19">
        <v>4</v>
      </c>
      <c r="D34" s="19">
        <v>1</v>
      </c>
      <c r="F34" s="18">
        <v>58</v>
      </c>
      <c r="G34" s="19">
        <v>2</v>
      </c>
      <c r="H34" s="19">
        <v>1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2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9</v>
      </c>
      <c r="C36" s="17">
        <v>6</v>
      </c>
      <c r="D36" s="17">
        <v>3</v>
      </c>
      <c r="F36" s="16" t="s">
        <v>30</v>
      </c>
      <c r="G36" s="17">
        <v>4</v>
      </c>
      <c r="H36" s="17">
        <v>0</v>
      </c>
      <c r="I36" s="17">
        <v>4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2</v>
      </c>
      <c r="D37" s="19">
        <v>0</v>
      </c>
      <c r="F37" s="18">
        <v>60</v>
      </c>
      <c r="G37" s="19">
        <v>2</v>
      </c>
      <c r="H37" s="19">
        <v>0</v>
      </c>
      <c r="I37" s="19">
        <v>2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1</v>
      </c>
      <c r="D39" s="19">
        <v>2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2</v>
      </c>
      <c r="C40" s="19">
        <v>2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5</v>
      </c>
      <c r="C42" s="17">
        <v>2</v>
      </c>
      <c r="D42" s="17">
        <v>3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3</v>
      </c>
      <c r="C44" s="19">
        <v>2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39</v>
      </c>
      <c r="C1" s="3"/>
      <c r="D1" s="4" t="s">
        <v>140</v>
      </c>
      <c r="E1" s="5" t="s">
        <v>1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1</v>
      </c>
      <c r="H11" s="21">
        <v>1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41</v>
      </c>
      <c r="C1" s="3"/>
      <c r="D1" s="4" t="s">
        <v>142</v>
      </c>
      <c r="E1" s="5" t="s">
        <v>138</v>
      </c>
    </row>
    <row r="2" spans="1:14">
      <c r="A2" s="8" t="s">
        <v>4</v>
      </c>
      <c r="B2" s="9">
        <f>SUM(C2:D2)</f>
        <v>10</v>
      </c>
      <c r="C2" s="9">
        <f>SUM(C6+C12+C18+C24+C30+C36+C42+H6+H12+H18+H24+H30+H36+H42+M6+M12+M18+M24+M30+M36+M42+M44+M46)</f>
        <v>9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9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1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7</v>
      </c>
      <c r="C30" s="17">
        <v>7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1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3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1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43</v>
      </c>
      <c r="C1" s="3"/>
      <c r="D1" s="4" t="s">
        <v>144</v>
      </c>
      <c r="E1" s="5" t="s">
        <v>138</v>
      </c>
    </row>
    <row r="2" spans="1:14">
      <c r="A2" s="8" t="s">
        <v>4</v>
      </c>
      <c r="B2" s="9">
        <f>SUM(C2:D2)</f>
        <v>7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7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2</v>
      </c>
      <c r="H30" s="17">
        <v>1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2</v>
      </c>
      <c r="H34" s="19">
        <v>1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1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1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45</v>
      </c>
      <c r="C1" s="3"/>
      <c r="D1" s="4" t="s">
        <v>146</v>
      </c>
      <c r="E1" s="5" t="s">
        <v>138</v>
      </c>
    </row>
    <row r="2" spans="1:14">
      <c r="A2" s="8" t="s">
        <v>4</v>
      </c>
      <c r="B2" s="9">
        <f>SUM(C2:D2)</f>
        <v>5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1</v>
      </c>
      <c r="C12" s="17">
        <v>0</v>
      </c>
      <c r="D12" s="17">
        <v>1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1</v>
      </c>
      <c r="C15" s="19">
        <v>0</v>
      </c>
      <c r="D15" s="19">
        <v>1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1</v>
      </c>
      <c r="H25" s="19">
        <v>0</v>
      </c>
      <c r="I25" s="19">
        <v>1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47</v>
      </c>
      <c r="C1" s="3"/>
      <c r="D1" s="4" t="s">
        <v>148</v>
      </c>
      <c r="E1" s="5" t="s">
        <v>1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49</v>
      </c>
      <c r="C1" s="3"/>
      <c r="D1" s="4" t="s">
        <v>150</v>
      </c>
      <c r="E1" s="5" t="s">
        <v>138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1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1</v>
      </c>
      <c r="M12" s="17">
        <v>0</v>
      </c>
      <c r="N12" s="17">
        <v>1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1</v>
      </c>
      <c r="M17" s="21">
        <v>0</v>
      </c>
      <c r="N17" s="21">
        <v>1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0</v>
      </c>
      <c r="D27" s="19">
        <v>1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1</v>
      </c>
      <c r="H38" s="19">
        <v>0</v>
      </c>
      <c r="I38" s="19">
        <v>1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1</v>
      </c>
      <c r="C44" s="19">
        <v>1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51</v>
      </c>
      <c r="C1" s="3"/>
      <c r="D1" s="4" t="s">
        <v>152</v>
      </c>
      <c r="E1" s="5" t="s">
        <v>1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5</v>
      </c>
      <c r="C1" s="3"/>
      <c r="D1" s="4" t="s">
        <v>46</v>
      </c>
      <c r="E1" s="5" t="s">
        <v>3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53</v>
      </c>
      <c r="C1" s="3"/>
      <c r="D1" s="4" t="s">
        <v>154</v>
      </c>
      <c r="E1" s="5" t="s">
        <v>138</v>
      </c>
    </row>
    <row r="2" spans="1:14">
      <c r="A2" s="8" t="s">
        <v>4</v>
      </c>
      <c r="B2" s="9">
        <f>SUM(C2:D2)</f>
        <v>17</v>
      </c>
      <c r="C2" s="9">
        <f>SUM(C6+C12+C18+C24+C30+C36+C42+H6+H12+H18+H24+H30+H36+H42+M6+M12+M18+M24+M30+M36+M42+M44+M46)</f>
        <v>5</v>
      </c>
      <c r="D2" s="9">
        <f>SUM(D6+D12+D18+D24+D30+D36+D42+I6+I12+I18+I24+I30+I36+I42+N6+N12+N18+N24+N30+N36+N42+N44+N46)</f>
        <v>1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0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1</v>
      </c>
      <c r="H7" s="19">
        <v>0</v>
      </c>
      <c r="I7" s="19">
        <v>1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2</v>
      </c>
      <c r="H12" s="17">
        <v>2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2</v>
      </c>
      <c r="H13" s="19">
        <v>2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2</v>
      </c>
      <c r="H28" s="19">
        <v>0</v>
      </c>
      <c r="I28" s="19">
        <v>2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5</v>
      </c>
      <c r="C30" s="17">
        <v>1</v>
      </c>
      <c r="D30" s="17">
        <v>4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0</v>
      </c>
      <c r="D31" s="19">
        <v>1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2</v>
      </c>
      <c r="C32" s="19">
        <v>0</v>
      </c>
      <c r="D32" s="19">
        <v>2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1</v>
      </c>
      <c r="D36" s="17">
        <v>2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1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2</v>
      </c>
      <c r="C44" s="19">
        <v>1</v>
      </c>
      <c r="D44" s="19">
        <v>1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0</v>
      </c>
      <c r="D46" s="19">
        <v>1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55</v>
      </c>
      <c r="C1" s="3"/>
      <c r="D1" s="4" t="s">
        <v>156</v>
      </c>
      <c r="E1" s="5" t="s">
        <v>138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57</v>
      </c>
      <c r="C1" s="3"/>
      <c r="D1" s="4" t="s">
        <v>158</v>
      </c>
      <c r="E1" s="5" t="s">
        <v>1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1</v>
      </c>
      <c r="H42" s="17">
        <v>0</v>
      </c>
      <c r="I42" s="17">
        <v>1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1</v>
      </c>
      <c r="H46" s="19">
        <v>0</v>
      </c>
      <c r="I46" s="19">
        <v>1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59</v>
      </c>
      <c r="C1" s="3"/>
      <c r="D1" s="4" t="s">
        <v>160</v>
      </c>
      <c r="E1" s="5" t="s">
        <v>138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2</v>
      </c>
      <c r="C24" s="17">
        <v>0</v>
      </c>
      <c r="D24" s="17">
        <v>2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1</v>
      </c>
      <c r="C27" s="19">
        <v>0</v>
      </c>
      <c r="D27" s="19">
        <v>1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3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1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1</v>
      </c>
      <c r="C40" s="19">
        <v>1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61</v>
      </c>
      <c r="C1" s="3"/>
      <c r="D1" s="4" t="s">
        <v>162</v>
      </c>
      <c r="E1" s="5" t="s">
        <v>138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63</v>
      </c>
      <c r="C1" s="3"/>
      <c r="D1" s="4" t="s">
        <v>2</v>
      </c>
      <c r="E1" s="5" t="s">
        <v>164</v>
      </c>
    </row>
    <row r="2" spans="1:14">
      <c r="A2" s="8" t="s">
        <v>4</v>
      </c>
      <c r="B2" s="9">
        <f>SUM(C2:D2)</f>
        <v>86</v>
      </c>
      <c r="C2" s="9">
        <f>SUM(C6+C12+C18+C24+C30+C36+C42+H6+H12+H18+H24+H30+H36+H42+M6+M12+M18+M24+M30+M36+M42+M44+M46)</f>
        <v>40</v>
      </c>
      <c r="D2" s="9">
        <f>SUM(D6+D12+D18+D24+D30+D36+D42+I6+I12+I18+I24+I30+I36+I42+N6+N12+N18+N24+N30+N36+N42+N44+N46)</f>
        <v>4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9</v>
      </c>
      <c r="H6" s="17">
        <v>8</v>
      </c>
      <c r="I6" s="17">
        <v>1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2</v>
      </c>
      <c r="H8" s="19">
        <v>2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4</v>
      </c>
      <c r="H9" s="19">
        <v>4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3</v>
      </c>
      <c r="H10" s="19">
        <v>2</v>
      </c>
      <c r="I10" s="19">
        <v>1</v>
      </c>
      <c r="K10" s="18">
        <v>73</v>
      </c>
      <c r="L10" s="19">
        <v>1</v>
      </c>
      <c r="M10" s="19">
        <v>1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3</v>
      </c>
      <c r="H12" s="17">
        <v>1</v>
      </c>
      <c r="I12" s="17">
        <v>2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1</v>
      </c>
      <c r="H18" s="17">
        <v>6</v>
      </c>
      <c r="I18" s="17">
        <v>5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4</v>
      </c>
      <c r="H20" s="19">
        <v>2</v>
      </c>
      <c r="I20" s="19">
        <v>2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5</v>
      </c>
      <c r="H21" s="19">
        <v>3</v>
      </c>
      <c r="I21" s="19">
        <v>2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6</v>
      </c>
      <c r="H24" s="17">
        <v>3</v>
      </c>
      <c r="I24" s="17">
        <v>3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3</v>
      </c>
      <c r="H28" s="19">
        <v>2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2</v>
      </c>
      <c r="H29" s="21">
        <v>1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4</v>
      </c>
      <c r="C30" s="17">
        <v>6</v>
      </c>
      <c r="D30" s="17">
        <v>8</v>
      </c>
      <c r="F30" s="16" t="s">
        <v>27</v>
      </c>
      <c r="G30" s="17">
        <v>3</v>
      </c>
      <c r="H30" s="17">
        <v>1</v>
      </c>
      <c r="I30" s="17">
        <v>2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2</v>
      </c>
      <c r="C31" s="19">
        <v>2</v>
      </c>
      <c r="D31" s="19">
        <v>0</v>
      </c>
      <c r="F31" s="18">
        <v>55</v>
      </c>
      <c r="G31" s="19">
        <v>2</v>
      </c>
      <c r="H31" s="19">
        <v>1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8</v>
      </c>
      <c r="C34" s="19">
        <v>3</v>
      </c>
      <c r="D34" s="19">
        <v>5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3</v>
      </c>
      <c r="C35" s="21">
        <v>1</v>
      </c>
      <c r="D35" s="21">
        <v>2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2</v>
      </c>
      <c r="C36" s="17">
        <v>6</v>
      </c>
      <c r="D36" s="17">
        <v>16</v>
      </c>
      <c r="F36" s="16" t="s">
        <v>30</v>
      </c>
      <c r="G36" s="17">
        <v>4</v>
      </c>
      <c r="H36" s="17">
        <v>1</v>
      </c>
      <c r="I36" s="17">
        <v>3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4</v>
      </c>
      <c r="C37" s="19">
        <v>0</v>
      </c>
      <c r="D37" s="19">
        <v>4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5</v>
      </c>
      <c r="C38" s="19">
        <v>2</v>
      </c>
      <c r="D38" s="19">
        <v>3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6</v>
      </c>
      <c r="C39" s="19">
        <v>2</v>
      </c>
      <c r="D39" s="19">
        <v>4</v>
      </c>
      <c r="F39" s="18">
        <v>62</v>
      </c>
      <c r="G39" s="19">
        <v>3</v>
      </c>
      <c r="H39" s="19">
        <v>1</v>
      </c>
      <c r="I39" s="19">
        <v>2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0</v>
      </c>
      <c r="D40" s="19">
        <v>3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4</v>
      </c>
      <c r="C41" s="21">
        <v>2</v>
      </c>
      <c r="D41" s="21">
        <v>2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1</v>
      </c>
      <c r="C42" s="17">
        <v>7</v>
      </c>
      <c r="D42" s="17">
        <v>4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6</v>
      </c>
      <c r="C43" s="19">
        <v>3</v>
      </c>
      <c r="D43" s="19">
        <v>3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4</v>
      </c>
      <c r="C45" s="19">
        <v>3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65</v>
      </c>
      <c r="C1" s="3"/>
      <c r="D1" s="4" t="s">
        <v>16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67</v>
      </c>
      <c r="C1" s="3"/>
      <c r="D1" s="4" t="s">
        <v>168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69</v>
      </c>
      <c r="C1" s="3"/>
      <c r="D1" s="4" t="s">
        <v>170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71</v>
      </c>
      <c r="C1" s="3"/>
      <c r="D1" s="4" t="s">
        <v>172</v>
      </c>
      <c r="E1" s="5" t="s">
        <v>164</v>
      </c>
    </row>
    <row r="2" spans="1:14">
      <c r="A2" s="8" t="s">
        <v>4</v>
      </c>
      <c r="B2" s="9">
        <f>SUM(C2:D2)</f>
        <v>14</v>
      </c>
      <c r="C2" s="9">
        <f>SUM(C6+C12+C18+C24+C30+C36+C42+H6+H12+H18+H24+H30+H36+H42+M6+M12+M18+M24+M30+M36+M42+M44+M46)</f>
        <v>7</v>
      </c>
      <c r="D2" s="9">
        <f>SUM(D6+D12+D18+D24+D30+D36+D42+I6+I12+I18+I24+I30+I36+I42+N6+N12+N18+N24+N30+N36+N42+N44+N46)</f>
        <v>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1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1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3</v>
      </c>
      <c r="C30" s="17">
        <v>2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2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4</v>
      </c>
      <c r="C36" s="17">
        <v>2</v>
      </c>
      <c r="D36" s="17">
        <v>2</v>
      </c>
      <c r="F36" s="16" t="s">
        <v>30</v>
      </c>
      <c r="G36" s="17">
        <v>2</v>
      </c>
      <c r="H36" s="17">
        <v>1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2</v>
      </c>
      <c r="C37" s="19">
        <v>0</v>
      </c>
      <c r="D37" s="19">
        <v>2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2</v>
      </c>
      <c r="H39" s="19">
        <v>1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2</v>
      </c>
      <c r="C42" s="17">
        <v>0</v>
      </c>
      <c r="D42" s="17">
        <v>2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0</v>
      </c>
      <c r="D43" s="19">
        <v>2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7</v>
      </c>
      <c r="C1" s="3"/>
      <c r="D1" s="4" t="s">
        <v>48</v>
      </c>
      <c r="E1" s="5" t="s">
        <v>3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5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1</v>
      </c>
      <c r="H13" s="19">
        <v>0</v>
      </c>
      <c r="I13" s="19">
        <v>1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0</v>
      </c>
      <c r="D33" s="19">
        <v>1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1</v>
      </c>
      <c r="H34" s="19">
        <v>0</v>
      </c>
      <c r="I34" s="19">
        <v>1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73</v>
      </c>
      <c r="C1" s="3"/>
      <c r="D1" s="4" t="s">
        <v>174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75</v>
      </c>
      <c r="C1" s="3"/>
      <c r="D1" s="4" t="s">
        <v>176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0</v>
      </c>
      <c r="I20" s="19">
        <v>1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77</v>
      </c>
      <c r="C1" s="3"/>
      <c r="D1" s="4" t="s">
        <v>178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79</v>
      </c>
      <c r="C1" s="3"/>
      <c r="D1" s="4" t="s">
        <v>180</v>
      </c>
      <c r="E1" s="5" t="s">
        <v>164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7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2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1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1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1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3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2</v>
      </c>
      <c r="C45" s="19">
        <v>2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81</v>
      </c>
      <c r="C1" s="3"/>
      <c r="D1" s="4" t="s">
        <v>182</v>
      </c>
      <c r="E1" s="5" t="s">
        <v>164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1</v>
      </c>
      <c r="M10" s="19">
        <v>1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1</v>
      </c>
      <c r="H14" s="19">
        <v>0</v>
      </c>
      <c r="I14" s="19">
        <v>1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0</v>
      </c>
      <c r="I29" s="21">
        <v>1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2</v>
      </c>
      <c r="C36" s="17">
        <v>2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2</v>
      </c>
      <c r="C39" s="19">
        <v>2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1</v>
      </c>
      <c r="C46" s="19">
        <v>1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83</v>
      </c>
      <c r="C1" s="3"/>
      <c r="D1" s="4" t="s">
        <v>184</v>
      </c>
      <c r="E1" s="5" t="s">
        <v>164</v>
      </c>
    </row>
    <row r="2" spans="1:14">
      <c r="A2" s="8" t="s">
        <v>4</v>
      </c>
      <c r="B2" s="9">
        <f>SUM(C2:D2)</f>
        <v>6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6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1</v>
      </c>
      <c r="H12" s="17">
        <v>0</v>
      </c>
      <c r="I12" s="17">
        <v>1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1</v>
      </c>
      <c r="H15" s="19">
        <v>0</v>
      </c>
      <c r="I15" s="19">
        <v>1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1</v>
      </c>
      <c r="H22" s="19">
        <v>0</v>
      </c>
      <c r="I22" s="19">
        <v>1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1</v>
      </c>
      <c r="C24" s="17">
        <v>0</v>
      </c>
      <c r="D24" s="17">
        <v>1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1</v>
      </c>
      <c r="C28" s="19">
        <v>0</v>
      </c>
      <c r="D28" s="19">
        <v>1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0</v>
      </c>
      <c r="I31" s="19">
        <v>1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1</v>
      </c>
      <c r="H39" s="19">
        <v>0</v>
      </c>
      <c r="I39" s="19">
        <v>1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85</v>
      </c>
      <c r="C1" s="3"/>
      <c r="D1" s="4" t="s">
        <v>18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87</v>
      </c>
      <c r="C1" s="3"/>
      <c r="D1" s="4" t="s">
        <v>188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89</v>
      </c>
      <c r="C1" s="3"/>
      <c r="D1" s="4" t="s">
        <v>190</v>
      </c>
      <c r="E1" s="5" t="s">
        <v>164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1</v>
      </c>
      <c r="H27" s="19">
        <v>0</v>
      </c>
      <c r="I27" s="19">
        <v>1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1</v>
      </c>
      <c r="H29" s="21">
        <v>1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91</v>
      </c>
      <c r="C1" s="3"/>
      <c r="D1" s="4" t="s">
        <v>192</v>
      </c>
      <c r="E1" s="5" t="s">
        <v>164</v>
      </c>
    </row>
    <row r="2" spans="1:14">
      <c r="A2" s="8" t="s">
        <v>4</v>
      </c>
      <c r="B2" s="9">
        <f>SUM(C2:D2)</f>
        <v>3</v>
      </c>
      <c r="C2" s="9">
        <f>SUM(C6+C12+C18+C24+C30+C36+C42+H6+H12+H18+H24+H30+H36+H42+M6+M12+M18+M24+M30+M36+M42+M44+M46)</f>
        <v>3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3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1</v>
      </c>
      <c r="H6" s="17">
        <v>1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1</v>
      </c>
      <c r="C31" s="19">
        <v>1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49</v>
      </c>
      <c r="C1" s="3"/>
      <c r="D1" s="4" t="s">
        <v>50</v>
      </c>
      <c r="E1" s="5" t="s">
        <v>3</v>
      </c>
    </row>
    <row r="2" spans="1:14">
      <c r="A2" s="8" t="s">
        <v>4</v>
      </c>
      <c r="B2" s="9">
        <f>SUM(C2:D2)</f>
        <v>4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3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4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1</v>
      </c>
      <c r="M6" s="17">
        <v>0</v>
      </c>
      <c r="N6" s="17">
        <v>1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1</v>
      </c>
      <c r="M8" s="19">
        <v>0</v>
      </c>
      <c r="N8" s="19">
        <v>1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0</v>
      </c>
      <c r="I24" s="17">
        <v>2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1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1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93</v>
      </c>
      <c r="C1" s="3"/>
      <c r="D1" s="4" t="s">
        <v>194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1</v>
      </c>
      <c r="H30" s="17">
        <v>0</v>
      </c>
      <c r="I30" s="17">
        <v>1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1</v>
      </c>
      <c r="H33" s="19">
        <v>0</v>
      </c>
      <c r="I33" s="19">
        <v>1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95</v>
      </c>
      <c r="C1" s="3"/>
      <c r="D1" s="4" t="s">
        <v>19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97</v>
      </c>
      <c r="C1" s="3"/>
      <c r="D1" s="4" t="s">
        <v>198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199</v>
      </c>
      <c r="C1" s="3"/>
      <c r="D1" s="4" t="s">
        <v>200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1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1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01</v>
      </c>
      <c r="C1" s="3"/>
      <c r="D1" s="4" t="s">
        <v>202</v>
      </c>
      <c r="E1" s="5" t="s">
        <v>164</v>
      </c>
    </row>
    <row r="2" spans="1:14">
      <c r="A2" s="8" t="s">
        <v>4</v>
      </c>
      <c r="B2" s="9">
        <f>SUM(C2:D2)</f>
        <v>18</v>
      </c>
      <c r="C2" s="9">
        <f>SUM(C6+C12+C18+C24+C30+C36+C42+H6+H12+H18+H24+H30+H36+H42+M6+M12+M18+M24+M30+M36+M42+M44+M46)</f>
        <v>1</v>
      </c>
      <c r="D2" s="9">
        <f>SUM(D6+D12+D18+D24+D30+D36+D42+I6+I12+I18+I24+I30+I36+I42+N6+N12+N18+N24+N30+N36+N42+N44+N46)</f>
        <v>17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1</v>
      </c>
      <c r="M18" s="17">
        <v>0</v>
      </c>
      <c r="N18" s="17">
        <v>1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1</v>
      </c>
      <c r="M20" s="19">
        <v>0</v>
      </c>
      <c r="N20" s="19">
        <v>1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1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5</v>
      </c>
      <c r="C30" s="17">
        <v>0</v>
      </c>
      <c r="D30" s="17">
        <v>5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1</v>
      </c>
      <c r="C32" s="19">
        <v>0</v>
      </c>
      <c r="D32" s="19">
        <v>1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3</v>
      </c>
      <c r="C34" s="19">
        <v>0</v>
      </c>
      <c r="D34" s="19">
        <v>3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1</v>
      </c>
      <c r="C35" s="21">
        <v>0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9</v>
      </c>
      <c r="C36" s="17">
        <v>0</v>
      </c>
      <c r="D36" s="17">
        <v>9</v>
      </c>
      <c r="F36" s="16" t="s">
        <v>30</v>
      </c>
      <c r="G36" s="17">
        <v>1</v>
      </c>
      <c r="H36" s="17">
        <v>0</v>
      </c>
      <c r="I36" s="17">
        <v>1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1</v>
      </c>
      <c r="H37" s="19">
        <v>0</v>
      </c>
      <c r="I37" s="19">
        <v>1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3</v>
      </c>
      <c r="C39" s="19">
        <v>0</v>
      </c>
      <c r="D39" s="19">
        <v>3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3</v>
      </c>
      <c r="C40" s="19">
        <v>0</v>
      </c>
      <c r="D40" s="19">
        <v>3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1</v>
      </c>
      <c r="C41" s="21">
        <v>0</v>
      </c>
      <c r="D41" s="21">
        <v>1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0</v>
      </c>
      <c r="D45" s="19">
        <v>1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03</v>
      </c>
      <c r="C1" s="3"/>
      <c r="D1" s="4" t="s">
        <v>204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05</v>
      </c>
      <c r="C1" s="3"/>
      <c r="D1" s="4" t="s">
        <v>20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07</v>
      </c>
      <c r="C1" s="3"/>
      <c r="D1" s="4" t="s">
        <v>208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09</v>
      </c>
      <c r="C1" s="3"/>
      <c r="D1" s="4" t="s">
        <v>210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1</v>
      </c>
      <c r="H18" s="17">
        <v>0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1</v>
      </c>
      <c r="H21" s="19">
        <v>0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11</v>
      </c>
      <c r="C1" s="3"/>
      <c r="D1" s="4" t="s">
        <v>212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51</v>
      </c>
      <c r="C1" s="3"/>
      <c r="D1" s="4" t="s">
        <v>52</v>
      </c>
      <c r="E1" s="5" t="s">
        <v>3</v>
      </c>
    </row>
    <row r="2" spans="1:14">
      <c r="A2" s="8" t="s">
        <v>4</v>
      </c>
      <c r="B2" s="9">
        <f>SUM(C2:D2)</f>
        <v>8</v>
      </c>
      <c r="C2" s="9">
        <f>SUM(C6+C12+C18+C24+C30+C36+C42+H6+H12+H18+H24+H30+H36+H42+M6+M12+M18+M24+M30+M36+M42+M44+M46)</f>
        <v>4</v>
      </c>
      <c r="D2" s="9">
        <f>SUM(D6+D12+D18+D24+D30+D36+D42+I6+I12+I18+I24+I30+I36+I42+N6+N12+N18+N24+N30+N36+N42+N44+N46)</f>
        <v>4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6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2</v>
      </c>
      <c r="H6" s="17">
        <v>1</v>
      </c>
      <c r="I6" s="17">
        <v>1</v>
      </c>
      <c r="K6" s="16" t="s">
        <v>15</v>
      </c>
      <c r="L6" s="17">
        <v>1</v>
      </c>
      <c r="M6" s="17">
        <v>1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1</v>
      </c>
      <c r="H10" s="19">
        <v>0</v>
      </c>
      <c r="I10" s="19">
        <v>1</v>
      </c>
      <c r="K10" s="18">
        <v>73</v>
      </c>
      <c r="L10" s="19">
        <v>1</v>
      </c>
      <c r="M10" s="19">
        <v>1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2</v>
      </c>
      <c r="H18" s="17">
        <v>0</v>
      </c>
      <c r="I18" s="17">
        <v>2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1</v>
      </c>
      <c r="H19" s="19">
        <v>0</v>
      </c>
      <c r="I19" s="19">
        <v>1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0</v>
      </c>
      <c r="I23" s="21">
        <v>1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2</v>
      </c>
      <c r="H24" s="17">
        <v>1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1</v>
      </c>
      <c r="H26" s="19">
        <v>0</v>
      </c>
      <c r="I26" s="19">
        <v>1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1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1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1</v>
      </c>
      <c r="C33" s="19">
        <v>1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13</v>
      </c>
      <c r="C1" s="3"/>
      <c r="D1" s="4" t="s">
        <v>214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15</v>
      </c>
      <c r="C1" s="3"/>
      <c r="D1" s="4" t="s">
        <v>216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1</v>
      </c>
      <c r="H24" s="17">
        <v>0</v>
      </c>
      <c r="I24" s="17">
        <v>1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1</v>
      </c>
      <c r="H28" s="19">
        <v>0</v>
      </c>
      <c r="I28" s="19">
        <v>1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17</v>
      </c>
      <c r="C1" s="3"/>
      <c r="D1" s="4" t="s">
        <v>218</v>
      </c>
      <c r="E1" s="5" t="s">
        <v>164</v>
      </c>
    </row>
    <row r="2" spans="1:14">
      <c r="A2" s="8" t="s">
        <v>4</v>
      </c>
      <c r="B2" s="9">
        <f>SUM(C2:D2)</f>
        <v>2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2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2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1</v>
      </c>
      <c r="C30" s="17">
        <v>0</v>
      </c>
      <c r="D30" s="17">
        <v>1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1</v>
      </c>
      <c r="C34" s="19">
        <v>0</v>
      </c>
      <c r="D34" s="19">
        <v>1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1</v>
      </c>
      <c r="C42" s="17">
        <v>0</v>
      </c>
      <c r="D42" s="17">
        <v>1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1</v>
      </c>
      <c r="C43" s="19">
        <v>0</v>
      </c>
      <c r="D43" s="19">
        <v>1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19</v>
      </c>
      <c r="C1" s="3"/>
      <c r="D1" s="4" t="s">
        <v>220</v>
      </c>
      <c r="E1" s="5" t="s">
        <v>164</v>
      </c>
    </row>
    <row r="2" spans="1:14">
      <c r="A2" s="8" t="s">
        <v>4</v>
      </c>
      <c r="B2" s="9">
        <f>SUM(C2:D2)</f>
        <v>20</v>
      </c>
      <c r="C2" s="9">
        <f>SUM(C6+C12+C18+C24+C30+C36+C42+H6+H12+H18+H24+H30+H36+H42+M6+M12+M18+M24+M30+M36+M42+M44+M46)</f>
        <v>15</v>
      </c>
      <c r="D2" s="9">
        <f>SUM(D6+D12+D18+D24+D30+D36+D42+I6+I12+I18+I24+I30+I36+I42+N6+N12+N18+N24+N30+N36+N42+N44+N46)</f>
        <v>5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8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6</v>
      </c>
      <c r="H6" s="17">
        <v>5</v>
      </c>
      <c r="I6" s="17">
        <v>1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2</v>
      </c>
      <c r="H8" s="19">
        <v>2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1</v>
      </c>
      <c r="H9" s="19">
        <v>1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3</v>
      </c>
      <c r="H10" s="19">
        <v>2</v>
      </c>
      <c r="I10" s="19">
        <v>1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5</v>
      </c>
      <c r="H18" s="17">
        <v>4</v>
      </c>
      <c r="I18" s="17">
        <v>1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1</v>
      </c>
      <c r="H20" s="19">
        <v>1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3</v>
      </c>
      <c r="H21" s="19">
        <v>2</v>
      </c>
      <c r="I21" s="19">
        <v>1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1</v>
      </c>
      <c r="H23" s="21">
        <v>1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2</v>
      </c>
      <c r="C30" s="17">
        <v>1</v>
      </c>
      <c r="D30" s="17">
        <v>1</v>
      </c>
      <c r="F30" s="16" t="s">
        <v>27</v>
      </c>
      <c r="G30" s="17">
        <v>1</v>
      </c>
      <c r="H30" s="17">
        <v>1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1</v>
      </c>
      <c r="H31" s="19">
        <v>1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2</v>
      </c>
      <c r="C35" s="21">
        <v>1</v>
      </c>
      <c r="D35" s="21">
        <v>1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3</v>
      </c>
      <c r="C36" s="17">
        <v>1</v>
      </c>
      <c r="D36" s="17">
        <v>2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1</v>
      </c>
      <c r="C37" s="19">
        <v>0</v>
      </c>
      <c r="D37" s="19">
        <v>1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1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1</v>
      </c>
      <c r="C39" s="19">
        <v>0</v>
      </c>
      <c r="D39" s="19">
        <v>1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3</v>
      </c>
      <c r="C42" s="17">
        <v>3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2</v>
      </c>
      <c r="C43" s="19">
        <v>2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1</v>
      </c>
      <c r="C45" s="19">
        <v>1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21</v>
      </c>
      <c r="C1" s="3"/>
      <c r="D1" s="4" t="s">
        <v>222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23</v>
      </c>
      <c r="C1" s="3"/>
      <c r="D1" s="4" t="s">
        <v>224</v>
      </c>
      <c r="E1" s="5" t="s">
        <v>164</v>
      </c>
    </row>
    <row r="2" spans="1:14">
      <c r="A2" s="8" t="s">
        <v>4</v>
      </c>
      <c r="B2" s="9">
        <f>SUM(C2:D2)</f>
        <v>1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1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>
        <v>1</v>
      </c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1</v>
      </c>
      <c r="C36" s="17">
        <v>0</v>
      </c>
      <c r="D36" s="17">
        <v>1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1</v>
      </c>
      <c r="C38" s="19">
        <v>0</v>
      </c>
      <c r="D38" s="19">
        <v>1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25</v>
      </c>
      <c r="C1" s="3"/>
      <c r="D1" s="4" t="s">
        <v>226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27</v>
      </c>
      <c r="C1" s="3"/>
      <c r="D1" s="4" t="s">
        <v>228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29</v>
      </c>
      <c r="C1" s="3"/>
      <c r="D1" s="4" t="s">
        <v>230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5"/>
  <sheetViews>
    <sheetView showZeros="0" view="pageBreakPreview" zoomScaleNormal="100" zoomScaleSheetLayoutView="100" workbookViewId="0"/>
  </sheetViews>
  <sheetFormatPr defaultRowHeight="13.5"/>
  <cols>
    <col min="1" max="1" width="13.625" style="6" customWidth="1"/>
    <col min="2" max="4" width="13.625" style="7" customWidth="1"/>
    <col min="5" max="5" width="2.625" style="7" customWidth="1"/>
    <col min="6" max="6" width="13.625" style="6" customWidth="1"/>
    <col min="7" max="9" width="13.625" style="7" customWidth="1"/>
    <col min="10" max="10" width="2.375" style="7" customWidth="1"/>
    <col min="11" max="11" width="13.625" style="6" customWidth="1"/>
    <col min="12" max="14" width="13.625" style="7" customWidth="1"/>
    <col min="15" max="256" width="9" style="7"/>
    <col min="257" max="260" width="13.625" style="7" customWidth="1"/>
    <col min="261" max="261" width="2.625" style="7" customWidth="1"/>
    <col min="262" max="265" width="13.625" style="7" customWidth="1"/>
    <col min="266" max="266" width="2.375" style="7" customWidth="1"/>
    <col min="267" max="270" width="13.625" style="7" customWidth="1"/>
    <col min="271" max="512" width="9" style="7"/>
    <col min="513" max="516" width="13.625" style="7" customWidth="1"/>
    <col min="517" max="517" width="2.625" style="7" customWidth="1"/>
    <col min="518" max="521" width="13.625" style="7" customWidth="1"/>
    <col min="522" max="522" width="2.375" style="7" customWidth="1"/>
    <col min="523" max="526" width="13.625" style="7" customWidth="1"/>
    <col min="527" max="768" width="9" style="7"/>
    <col min="769" max="772" width="13.625" style="7" customWidth="1"/>
    <col min="773" max="773" width="2.625" style="7" customWidth="1"/>
    <col min="774" max="777" width="13.625" style="7" customWidth="1"/>
    <col min="778" max="778" width="2.375" style="7" customWidth="1"/>
    <col min="779" max="782" width="13.625" style="7" customWidth="1"/>
    <col min="783" max="1024" width="9" style="7"/>
    <col min="1025" max="1028" width="13.625" style="7" customWidth="1"/>
    <col min="1029" max="1029" width="2.625" style="7" customWidth="1"/>
    <col min="1030" max="1033" width="13.625" style="7" customWidth="1"/>
    <col min="1034" max="1034" width="2.375" style="7" customWidth="1"/>
    <col min="1035" max="1038" width="13.625" style="7" customWidth="1"/>
    <col min="1039" max="1280" width="9" style="7"/>
    <col min="1281" max="1284" width="13.625" style="7" customWidth="1"/>
    <col min="1285" max="1285" width="2.625" style="7" customWidth="1"/>
    <col min="1286" max="1289" width="13.625" style="7" customWidth="1"/>
    <col min="1290" max="1290" width="2.375" style="7" customWidth="1"/>
    <col min="1291" max="1294" width="13.625" style="7" customWidth="1"/>
    <col min="1295" max="1536" width="9" style="7"/>
    <col min="1537" max="1540" width="13.625" style="7" customWidth="1"/>
    <col min="1541" max="1541" width="2.625" style="7" customWidth="1"/>
    <col min="1542" max="1545" width="13.625" style="7" customWidth="1"/>
    <col min="1546" max="1546" width="2.375" style="7" customWidth="1"/>
    <col min="1547" max="1550" width="13.625" style="7" customWidth="1"/>
    <col min="1551" max="1792" width="9" style="7"/>
    <col min="1793" max="1796" width="13.625" style="7" customWidth="1"/>
    <col min="1797" max="1797" width="2.625" style="7" customWidth="1"/>
    <col min="1798" max="1801" width="13.625" style="7" customWidth="1"/>
    <col min="1802" max="1802" width="2.375" style="7" customWidth="1"/>
    <col min="1803" max="1806" width="13.625" style="7" customWidth="1"/>
    <col min="1807" max="2048" width="9" style="7"/>
    <col min="2049" max="2052" width="13.625" style="7" customWidth="1"/>
    <col min="2053" max="2053" width="2.625" style="7" customWidth="1"/>
    <col min="2054" max="2057" width="13.625" style="7" customWidth="1"/>
    <col min="2058" max="2058" width="2.375" style="7" customWidth="1"/>
    <col min="2059" max="2062" width="13.625" style="7" customWidth="1"/>
    <col min="2063" max="2304" width="9" style="7"/>
    <col min="2305" max="2308" width="13.625" style="7" customWidth="1"/>
    <col min="2309" max="2309" width="2.625" style="7" customWidth="1"/>
    <col min="2310" max="2313" width="13.625" style="7" customWidth="1"/>
    <col min="2314" max="2314" width="2.375" style="7" customWidth="1"/>
    <col min="2315" max="2318" width="13.625" style="7" customWidth="1"/>
    <col min="2319" max="2560" width="9" style="7"/>
    <col min="2561" max="2564" width="13.625" style="7" customWidth="1"/>
    <col min="2565" max="2565" width="2.625" style="7" customWidth="1"/>
    <col min="2566" max="2569" width="13.625" style="7" customWidth="1"/>
    <col min="2570" max="2570" width="2.375" style="7" customWidth="1"/>
    <col min="2571" max="2574" width="13.625" style="7" customWidth="1"/>
    <col min="2575" max="2816" width="9" style="7"/>
    <col min="2817" max="2820" width="13.625" style="7" customWidth="1"/>
    <col min="2821" max="2821" width="2.625" style="7" customWidth="1"/>
    <col min="2822" max="2825" width="13.625" style="7" customWidth="1"/>
    <col min="2826" max="2826" width="2.375" style="7" customWidth="1"/>
    <col min="2827" max="2830" width="13.625" style="7" customWidth="1"/>
    <col min="2831" max="3072" width="9" style="7"/>
    <col min="3073" max="3076" width="13.625" style="7" customWidth="1"/>
    <col min="3077" max="3077" width="2.625" style="7" customWidth="1"/>
    <col min="3078" max="3081" width="13.625" style="7" customWidth="1"/>
    <col min="3082" max="3082" width="2.375" style="7" customWidth="1"/>
    <col min="3083" max="3086" width="13.625" style="7" customWidth="1"/>
    <col min="3087" max="3328" width="9" style="7"/>
    <col min="3329" max="3332" width="13.625" style="7" customWidth="1"/>
    <col min="3333" max="3333" width="2.625" style="7" customWidth="1"/>
    <col min="3334" max="3337" width="13.625" style="7" customWidth="1"/>
    <col min="3338" max="3338" width="2.375" style="7" customWidth="1"/>
    <col min="3339" max="3342" width="13.625" style="7" customWidth="1"/>
    <col min="3343" max="3584" width="9" style="7"/>
    <col min="3585" max="3588" width="13.625" style="7" customWidth="1"/>
    <col min="3589" max="3589" width="2.625" style="7" customWidth="1"/>
    <col min="3590" max="3593" width="13.625" style="7" customWidth="1"/>
    <col min="3594" max="3594" width="2.375" style="7" customWidth="1"/>
    <col min="3595" max="3598" width="13.625" style="7" customWidth="1"/>
    <col min="3599" max="3840" width="9" style="7"/>
    <col min="3841" max="3844" width="13.625" style="7" customWidth="1"/>
    <col min="3845" max="3845" width="2.625" style="7" customWidth="1"/>
    <col min="3846" max="3849" width="13.625" style="7" customWidth="1"/>
    <col min="3850" max="3850" width="2.375" style="7" customWidth="1"/>
    <col min="3851" max="3854" width="13.625" style="7" customWidth="1"/>
    <col min="3855" max="4096" width="9" style="7"/>
    <col min="4097" max="4100" width="13.625" style="7" customWidth="1"/>
    <col min="4101" max="4101" width="2.625" style="7" customWidth="1"/>
    <col min="4102" max="4105" width="13.625" style="7" customWidth="1"/>
    <col min="4106" max="4106" width="2.375" style="7" customWidth="1"/>
    <col min="4107" max="4110" width="13.625" style="7" customWidth="1"/>
    <col min="4111" max="4352" width="9" style="7"/>
    <col min="4353" max="4356" width="13.625" style="7" customWidth="1"/>
    <col min="4357" max="4357" width="2.625" style="7" customWidth="1"/>
    <col min="4358" max="4361" width="13.625" style="7" customWidth="1"/>
    <col min="4362" max="4362" width="2.375" style="7" customWidth="1"/>
    <col min="4363" max="4366" width="13.625" style="7" customWidth="1"/>
    <col min="4367" max="4608" width="9" style="7"/>
    <col min="4609" max="4612" width="13.625" style="7" customWidth="1"/>
    <col min="4613" max="4613" width="2.625" style="7" customWidth="1"/>
    <col min="4614" max="4617" width="13.625" style="7" customWidth="1"/>
    <col min="4618" max="4618" width="2.375" style="7" customWidth="1"/>
    <col min="4619" max="4622" width="13.625" style="7" customWidth="1"/>
    <col min="4623" max="4864" width="9" style="7"/>
    <col min="4865" max="4868" width="13.625" style="7" customWidth="1"/>
    <col min="4869" max="4869" width="2.625" style="7" customWidth="1"/>
    <col min="4870" max="4873" width="13.625" style="7" customWidth="1"/>
    <col min="4874" max="4874" width="2.375" style="7" customWidth="1"/>
    <col min="4875" max="4878" width="13.625" style="7" customWidth="1"/>
    <col min="4879" max="5120" width="9" style="7"/>
    <col min="5121" max="5124" width="13.625" style="7" customWidth="1"/>
    <col min="5125" max="5125" width="2.625" style="7" customWidth="1"/>
    <col min="5126" max="5129" width="13.625" style="7" customWidth="1"/>
    <col min="5130" max="5130" width="2.375" style="7" customWidth="1"/>
    <col min="5131" max="5134" width="13.625" style="7" customWidth="1"/>
    <col min="5135" max="5376" width="9" style="7"/>
    <col min="5377" max="5380" width="13.625" style="7" customWidth="1"/>
    <col min="5381" max="5381" width="2.625" style="7" customWidth="1"/>
    <col min="5382" max="5385" width="13.625" style="7" customWidth="1"/>
    <col min="5386" max="5386" width="2.375" style="7" customWidth="1"/>
    <col min="5387" max="5390" width="13.625" style="7" customWidth="1"/>
    <col min="5391" max="5632" width="9" style="7"/>
    <col min="5633" max="5636" width="13.625" style="7" customWidth="1"/>
    <col min="5637" max="5637" width="2.625" style="7" customWidth="1"/>
    <col min="5638" max="5641" width="13.625" style="7" customWidth="1"/>
    <col min="5642" max="5642" width="2.375" style="7" customWidth="1"/>
    <col min="5643" max="5646" width="13.625" style="7" customWidth="1"/>
    <col min="5647" max="5888" width="9" style="7"/>
    <col min="5889" max="5892" width="13.625" style="7" customWidth="1"/>
    <col min="5893" max="5893" width="2.625" style="7" customWidth="1"/>
    <col min="5894" max="5897" width="13.625" style="7" customWidth="1"/>
    <col min="5898" max="5898" width="2.375" style="7" customWidth="1"/>
    <col min="5899" max="5902" width="13.625" style="7" customWidth="1"/>
    <col min="5903" max="6144" width="9" style="7"/>
    <col min="6145" max="6148" width="13.625" style="7" customWidth="1"/>
    <col min="6149" max="6149" width="2.625" style="7" customWidth="1"/>
    <col min="6150" max="6153" width="13.625" style="7" customWidth="1"/>
    <col min="6154" max="6154" width="2.375" style="7" customWidth="1"/>
    <col min="6155" max="6158" width="13.625" style="7" customWidth="1"/>
    <col min="6159" max="6400" width="9" style="7"/>
    <col min="6401" max="6404" width="13.625" style="7" customWidth="1"/>
    <col min="6405" max="6405" width="2.625" style="7" customWidth="1"/>
    <col min="6406" max="6409" width="13.625" style="7" customWidth="1"/>
    <col min="6410" max="6410" width="2.375" style="7" customWidth="1"/>
    <col min="6411" max="6414" width="13.625" style="7" customWidth="1"/>
    <col min="6415" max="6656" width="9" style="7"/>
    <col min="6657" max="6660" width="13.625" style="7" customWidth="1"/>
    <col min="6661" max="6661" width="2.625" style="7" customWidth="1"/>
    <col min="6662" max="6665" width="13.625" style="7" customWidth="1"/>
    <col min="6666" max="6666" width="2.375" style="7" customWidth="1"/>
    <col min="6667" max="6670" width="13.625" style="7" customWidth="1"/>
    <col min="6671" max="6912" width="9" style="7"/>
    <col min="6913" max="6916" width="13.625" style="7" customWidth="1"/>
    <col min="6917" max="6917" width="2.625" style="7" customWidth="1"/>
    <col min="6918" max="6921" width="13.625" style="7" customWidth="1"/>
    <col min="6922" max="6922" width="2.375" style="7" customWidth="1"/>
    <col min="6923" max="6926" width="13.625" style="7" customWidth="1"/>
    <col min="6927" max="7168" width="9" style="7"/>
    <col min="7169" max="7172" width="13.625" style="7" customWidth="1"/>
    <col min="7173" max="7173" width="2.625" style="7" customWidth="1"/>
    <col min="7174" max="7177" width="13.625" style="7" customWidth="1"/>
    <col min="7178" max="7178" width="2.375" style="7" customWidth="1"/>
    <col min="7179" max="7182" width="13.625" style="7" customWidth="1"/>
    <col min="7183" max="7424" width="9" style="7"/>
    <col min="7425" max="7428" width="13.625" style="7" customWidth="1"/>
    <col min="7429" max="7429" width="2.625" style="7" customWidth="1"/>
    <col min="7430" max="7433" width="13.625" style="7" customWidth="1"/>
    <col min="7434" max="7434" width="2.375" style="7" customWidth="1"/>
    <col min="7435" max="7438" width="13.625" style="7" customWidth="1"/>
    <col min="7439" max="7680" width="9" style="7"/>
    <col min="7681" max="7684" width="13.625" style="7" customWidth="1"/>
    <col min="7685" max="7685" width="2.625" style="7" customWidth="1"/>
    <col min="7686" max="7689" width="13.625" style="7" customWidth="1"/>
    <col min="7690" max="7690" width="2.375" style="7" customWidth="1"/>
    <col min="7691" max="7694" width="13.625" style="7" customWidth="1"/>
    <col min="7695" max="7936" width="9" style="7"/>
    <col min="7937" max="7940" width="13.625" style="7" customWidth="1"/>
    <col min="7941" max="7941" width="2.625" style="7" customWidth="1"/>
    <col min="7942" max="7945" width="13.625" style="7" customWidth="1"/>
    <col min="7946" max="7946" width="2.375" style="7" customWidth="1"/>
    <col min="7947" max="7950" width="13.625" style="7" customWidth="1"/>
    <col min="7951" max="8192" width="9" style="7"/>
    <col min="8193" max="8196" width="13.625" style="7" customWidth="1"/>
    <col min="8197" max="8197" width="2.625" style="7" customWidth="1"/>
    <col min="8198" max="8201" width="13.625" style="7" customWidth="1"/>
    <col min="8202" max="8202" width="2.375" style="7" customWidth="1"/>
    <col min="8203" max="8206" width="13.625" style="7" customWidth="1"/>
    <col min="8207" max="8448" width="9" style="7"/>
    <col min="8449" max="8452" width="13.625" style="7" customWidth="1"/>
    <col min="8453" max="8453" width="2.625" style="7" customWidth="1"/>
    <col min="8454" max="8457" width="13.625" style="7" customWidth="1"/>
    <col min="8458" max="8458" width="2.375" style="7" customWidth="1"/>
    <col min="8459" max="8462" width="13.625" style="7" customWidth="1"/>
    <col min="8463" max="8704" width="9" style="7"/>
    <col min="8705" max="8708" width="13.625" style="7" customWidth="1"/>
    <col min="8709" max="8709" width="2.625" style="7" customWidth="1"/>
    <col min="8710" max="8713" width="13.625" style="7" customWidth="1"/>
    <col min="8714" max="8714" width="2.375" style="7" customWidth="1"/>
    <col min="8715" max="8718" width="13.625" style="7" customWidth="1"/>
    <col min="8719" max="8960" width="9" style="7"/>
    <col min="8961" max="8964" width="13.625" style="7" customWidth="1"/>
    <col min="8965" max="8965" width="2.625" style="7" customWidth="1"/>
    <col min="8966" max="8969" width="13.625" style="7" customWidth="1"/>
    <col min="8970" max="8970" width="2.375" style="7" customWidth="1"/>
    <col min="8971" max="8974" width="13.625" style="7" customWidth="1"/>
    <col min="8975" max="9216" width="9" style="7"/>
    <col min="9217" max="9220" width="13.625" style="7" customWidth="1"/>
    <col min="9221" max="9221" width="2.625" style="7" customWidth="1"/>
    <col min="9222" max="9225" width="13.625" style="7" customWidth="1"/>
    <col min="9226" max="9226" width="2.375" style="7" customWidth="1"/>
    <col min="9227" max="9230" width="13.625" style="7" customWidth="1"/>
    <col min="9231" max="9472" width="9" style="7"/>
    <col min="9473" max="9476" width="13.625" style="7" customWidth="1"/>
    <col min="9477" max="9477" width="2.625" style="7" customWidth="1"/>
    <col min="9478" max="9481" width="13.625" style="7" customWidth="1"/>
    <col min="9482" max="9482" width="2.375" style="7" customWidth="1"/>
    <col min="9483" max="9486" width="13.625" style="7" customWidth="1"/>
    <col min="9487" max="9728" width="9" style="7"/>
    <col min="9729" max="9732" width="13.625" style="7" customWidth="1"/>
    <col min="9733" max="9733" width="2.625" style="7" customWidth="1"/>
    <col min="9734" max="9737" width="13.625" style="7" customWidth="1"/>
    <col min="9738" max="9738" width="2.375" style="7" customWidth="1"/>
    <col min="9739" max="9742" width="13.625" style="7" customWidth="1"/>
    <col min="9743" max="9984" width="9" style="7"/>
    <col min="9985" max="9988" width="13.625" style="7" customWidth="1"/>
    <col min="9989" max="9989" width="2.625" style="7" customWidth="1"/>
    <col min="9990" max="9993" width="13.625" style="7" customWidth="1"/>
    <col min="9994" max="9994" width="2.375" style="7" customWidth="1"/>
    <col min="9995" max="9998" width="13.625" style="7" customWidth="1"/>
    <col min="9999" max="10240" width="9" style="7"/>
    <col min="10241" max="10244" width="13.625" style="7" customWidth="1"/>
    <col min="10245" max="10245" width="2.625" style="7" customWidth="1"/>
    <col min="10246" max="10249" width="13.625" style="7" customWidth="1"/>
    <col min="10250" max="10250" width="2.375" style="7" customWidth="1"/>
    <col min="10251" max="10254" width="13.625" style="7" customWidth="1"/>
    <col min="10255" max="10496" width="9" style="7"/>
    <col min="10497" max="10500" width="13.625" style="7" customWidth="1"/>
    <col min="10501" max="10501" width="2.625" style="7" customWidth="1"/>
    <col min="10502" max="10505" width="13.625" style="7" customWidth="1"/>
    <col min="10506" max="10506" width="2.375" style="7" customWidth="1"/>
    <col min="10507" max="10510" width="13.625" style="7" customWidth="1"/>
    <col min="10511" max="10752" width="9" style="7"/>
    <col min="10753" max="10756" width="13.625" style="7" customWidth="1"/>
    <col min="10757" max="10757" width="2.625" style="7" customWidth="1"/>
    <col min="10758" max="10761" width="13.625" style="7" customWidth="1"/>
    <col min="10762" max="10762" width="2.375" style="7" customWidth="1"/>
    <col min="10763" max="10766" width="13.625" style="7" customWidth="1"/>
    <col min="10767" max="11008" width="9" style="7"/>
    <col min="11009" max="11012" width="13.625" style="7" customWidth="1"/>
    <col min="11013" max="11013" width="2.625" style="7" customWidth="1"/>
    <col min="11014" max="11017" width="13.625" style="7" customWidth="1"/>
    <col min="11018" max="11018" width="2.375" style="7" customWidth="1"/>
    <col min="11019" max="11022" width="13.625" style="7" customWidth="1"/>
    <col min="11023" max="11264" width="9" style="7"/>
    <col min="11265" max="11268" width="13.625" style="7" customWidth="1"/>
    <col min="11269" max="11269" width="2.625" style="7" customWidth="1"/>
    <col min="11270" max="11273" width="13.625" style="7" customWidth="1"/>
    <col min="11274" max="11274" width="2.375" style="7" customWidth="1"/>
    <col min="11275" max="11278" width="13.625" style="7" customWidth="1"/>
    <col min="11279" max="11520" width="9" style="7"/>
    <col min="11521" max="11524" width="13.625" style="7" customWidth="1"/>
    <col min="11525" max="11525" width="2.625" style="7" customWidth="1"/>
    <col min="11526" max="11529" width="13.625" style="7" customWidth="1"/>
    <col min="11530" max="11530" width="2.375" style="7" customWidth="1"/>
    <col min="11531" max="11534" width="13.625" style="7" customWidth="1"/>
    <col min="11535" max="11776" width="9" style="7"/>
    <col min="11777" max="11780" width="13.625" style="7" customWidth="1"/>
    <col min="11781" max="11781" width="2.625" style="7" customWidth="1"/>
    <col min="11782" max="11785" width="13.625" style="7" customWidth="1"/>
    <col min="11786" max="11786" width="2.375" style="7" customWidth="1"/>
    <col min="11787" max="11790" width="13.625" style="7" customWidth="1"/>
    <col min="11791" max="12032" width="9" style="7"/>
    <col min="12033" max="12036" width="13.625" style="7" customWidth="1"/>
    <col min="12037" max="12037" width="2.625" style="7" customWidth="1"/>
    <col min="12038" max="12041" width="13.625" style="7" customWidth="1"/>
    <col min="12042" max="12042" width="2.375" style="7" customWidth="1"/>
    <col min="12043" max="12046" width="13.625" style="7" customWidth="1"/>
    <col min="12047" max="12288" width="9" style="7"/>
    <col min="12289" max="12292" width="13.625" style="7" customWidth="1"/>
    <col min="12293" max="12293" width="2.625" style="7" customWidth="1"/>
    <col min="12294" max="12297" width="13.625" style="7" customWidth="1"/>
    <col min="12298" max="12298" width="2.375" style="7" customWidth="1"/>
    <col min="12299" max="12302" width="13.625" style="7" customWidth="1"/>
    <col min="12303" max="12544" width="9" style="7"/>
    <col min="12545" max="12548" width="13.625" style="7" customWidth="1"/>
    <col min="12549" max="12549" width="2.625" style="7" customWidth="1"/>
    <col min="12550" max="12553" width="13.625" style="7" customWidth="1"/>
    <col min="12554" max="12554" width="2.375" style="7" customWidth="1"/>
    <col min="12555" max="12558" width="13.625" style="7" customWidth="1"/>
    <col min="12559" max="12800" width="9" style="7"/>
    <col min="12801" max="12804" width="13.625" style="7" customWidth="1"/>
    <col min="12805" max="12805" width="2.625" style="7" customWidth="1"/>
    <col min="12806" max="12809" width="13.625" style="7" customWidth="1"/>
    <col min="12810" max="12810" width="2.375" style="7" customWidth="1"/>
    <col min="12811" max="12814" width="13.625" style="7" customWidth="1"/>
    <col min="12815" max="13056" width="9" style="7"/>
    <col min="13057" max="13060" width="13.625" style="7" customWidth="1"/>
    <col min="13061" max="13061" width="2.625" style="7" customWidth="1"/>
    <col min="13062" max="13065" width="13.625" style="7" customWidth="1"/>
    <col min="13066" max="13066" width="2.375" style="7" customWidth="1"/>
    <col min="13067" max="13070" width="13.625" style="7" customWidth="1"/>
    <col min="13071" max="13312" width="9" style="7"/>
    <col min="13313" max="13316" width="13.625" style="7" customWidth="1"/>
    <col min="13317" max="13317" width="2.625" style="7" customWidth="1"/>
    <col min="13318" max="13321" width="13.625" style="7" customWidth="1"/>
    <col min="13322" max="13322" width="2.375" style="7" customWidth="1"/>
    <col min="13323" max="13326" width="13.625" style="7" customWidth="1"/>
    <col min="13327" max="13568" width="9" style="7"/>
    <col min="13569" max="13572" width="13.625" style="7" customWidth="1"/>
    <col min="13573" max="13573" width="2.625" style="7" customWidth="1"/>
    <col min="13574" max="13577" width="13.625" style="7" customWidth="1"/>
    <col min="13578" max="13578" width="2.375" style="7" customWidth="1"/>
    <col min="13579" max="13582" width="13.625" style="7" customWidth="1"/>
    <col min="13583" max="13824" width="9" style="7"/>
    <col min="13825" max="13828" width="13.625" style="7" customWidth="1"/>
    <col min="13829" max="13829" width="2.625" style="7" customWidth="1"/>
    <col min="13830" max="13833" width="13.625" style="7" customWidth="1"/>
    <col min="13834" max="13834" width="2.375" style="7" customWidth="1"/>
    <col min="13835" max="13838" width="13.625" style="7" customWidth="1"/>
    <col min="13839" max="14080" width="9" style="7"/>
    <col min="14081" max="14084" width="13.625" style="7" customWidth="1"/>
    <col min="14085" max="14085" width="2.625" style="7" customWidth="1"/>
    <col min="14086" max="14089" width="13.625" style="7" customWidth="1"/>
    <col min="14090" max="14090" width="2.375" style="7" customWidth="1"/>
    <col min="14091" max="14094" width="13.625" style="7" customWidth="1"/>
    <col min="14095" max="14336" width="9" style="7"/>
    <col min="14337" max="14340" width="13.625" style="7" customWidth="1"/>
    <col min="14341" max="14341" width="2.625" style="7" customWidth="1"/>
    <col min="14342" max="14345" width="13.625" style="7" customWidth="1"/>
    <col min="14346" max="14346" width="2.375" style="7" customWidth="1"/>
    <col min="14347" max="14350" width="13.625" style="7" customWidth="1"/>
    <col min="14351" max="14592" width="9" style="7"/>
    <col min="14593" max="14596" width="13.625" style="7" customWidth="1"/>
    <col min="14597" max="14597" width="2.625" style="7" customWidth="1"/>
    <col min="14598" max="14601" width="13.625" style="7" customWidth="1"/>
    <col min="14602" max="14602" width="2.375" style="7" customWidth="1"/>
    <col min="14603" max="14606" width="13.625" style="7" customWidth="1"/>
    <col min="14607" max="14848" width="9" style="7"/>
    <col min="14849" max="14852" width="13.625" style="7" customWidth="1"/>
    <col min="14853" max="14853" width="2.625" style="7" customWidth="1"/>
    <col min="14854" max="14857" width="13.625" style="7" customWidth="1"/>
    <col min="14858" max="14858" width="2.375" style="7" customWidth="1"/>
    <col min="14859" max="14862" width="13.625" style="7" customWidth="1"/>
    <col min="14863" max="15104" width="9" style="7"/>
    <col min="15105" max="15108" width="13.625" style="7" customWidth="1"/>
    <col min="15109" max="15109" width="2.625" style="7" customWidth="1"/>
    <col min="15110" max="15113" width="13.625" style="7" customWidth="1"/>
    <col min="15114" max="15114" width="2.375" style="7" customWidth="1"/>
    <col min="15115" max="15118" width="13.625" style="7" customWidth="1"/>
    <col min="15119" max="15360" width="9" style="7"/>
    <col min="15361" max="15364" width="13.625" style="7" customWidth="1"/>
    <col min="15365" max="15365" width="2.625" style="7" customWidth="1"/>
    <col min="15366" max="15369" width="13.625" style="7" customWidth="1"/>
    <col min="15370" max="15370" width="2.375" style="7" customWidth="1"/>
    <col min="15371" max="15374" width="13.625" style="7" customWidth="1"/>
    <col min="15375" max="15616" width="9" style="7"/>
    <col min="15617" max="15620" width="13.625" style="7" customWidth="1"/>
    <col min="15621" max="15621" width="2.625" style="7" customWidth="1"/>
    <col min="15622" max="15625" width="13.625" style="7" customWidth="1"/>
    <col min="15626" max="15626" width="2.375" style="7" customWidth="1"/>
    <col min="15627" max="15630" width="13.625" style="7" customWidth="1"/>
    <col min="15631" max="15872" width="9" style="7"/>
    <col min="15873" max="15876" width="13.625" style="7" customWidth="1"/>
    <col min="15877" max="15877" width="2.625" style="7" customWidth="1"/>
    <col min="15878" max="15881" width="13.625" style="7" customWidth="1"/>
    <col min="15882" max="15882" width="2.375" style="7" customWidth="1"/>
    <col min="15883" max="15886" width="13.625" style="7" customWidth="1"/>
    <col min="15887" max="16128" width="9" style="7"/>
    <col min="16129" max="16132" width="13.625" style="7" customWidth="1"/>
    <col min="16133" max="16133" width="2.625" style="7" customWidth="1"/>
    <col min="16134" max="16137" width="13.625" style="7" customWidth="1"/>
    <col min="16138" max="16138" width="2.375" style="7" customWidth="1"/>
    <col min="16139" max="16142" width="13.625" style="7" customWidth="1"/>
    <col min="16143" max="16384" width="9" style="7"/>
  </cols>
  <sheetData>
    <row r="1" spans="1:14">
      <c r="A1" s="1" t="s">
        <v>0</v>
      </c>
      <c r="B1" s="2" t="s">
        <v>231</v>
      </c>
      <c r="C1" s="3"/>
      <c r="D1" s="4" t="s">
        <v>232</v>
      </c>
      <c r="E1" s="5" t="s">
        <v>164</v>
      </c>
    </row>
    <row r="2" spans="1:14">
      <c r="A2" s="8" t="s">
        <v>4</v>
      </c>
      <c r="B2" s="9">
        <f>SUM(C2:D2)</f>
        <v>0</v>
      </c>
      <c r="C2" s="9">
        <f>SUM(C6+C12+C18+C24+C30+C36+C42+H6+H12+H18+H24+H30+H36+H42+M6+M12+M18+M24+M30+M36+M42+M44+M46)</f>
        <v>0</v>
      </c>
      <c r="D2" s="9">
        <f>SUM(D6+D12+D18+D24+D30+D36+D42+I6+I12+I18+I24+I30+I36+I42+N6+N12+N18+N24+N30+N36+N42+N44+N46)</f>
        <v>0</v>
      </c>
      <c r="F2" s="10" t="s">
        <v>5</v>
      </c>
      <c r="G2" s="10"/>
      <c r="H2" s="10"/>
      <c r="I2" s="10"/>
      <c r="J2" s="10"/>
      <c r="K2" s="10"/>
    </row>
    <row r="3" spans="1:14">
      <c r="A3" s="8" t="s">
        <v>6</v>
      </c>
      <c r="B3" s="11"/>
      <c r="C3" s="12" t="s">
        <v>7</v>
      </c>
      <c r="D3" s="13"/>
      <c r="N3" s="14" t="s">
        <v>8</v>
      </c>
    </row>
    <row r="4" spans="1:14" ht="27" customHeight="1"/>
    <row r="5" spans="1:14">
      <c r="A5" s="8" t="s">
        <v>9</v>
      </c>
      <c r="B5" s="15" t="s">
        <v>10</v>
      </c>
      <c r="C5" s="15" t="s">
        <v>11</v>
      </c>
      <c r="D5" s="15" t="s">
        <v>12</v>
      </c>
      <c r="F5" s="8" t="s">
        <v>9</v>
      </c>
      <c r="G5" s="15" t="s">
        <v>10</v>
      </c>
      <c r="H5" s="15" t="s">
        <v>11</v>
      </c>
      <c r="I5" s="15" t="s">
        <v>12</v>
      </c>
      <c r="K5" s="8" t="s">
        <v>9</v>
      </c>
      <c r="L5" s="15" t="s">
        <v>10</v>
      </c>
      <c r="M5" s="15" t="s">
        <v>11</v>
      </c>
      <c r="N5" s="15" t="s">
        <v>12</v>
      </c>
    </row>
    <row r="6" spans="1:14">
      <c r="A6" s="16" t="s">
        <v>13</v>
      </c>
      <c r="B6" s="17">
        <v>0</v>
      </c>
      <c r="C6" s="17">
        <v>0</v>
      </c>
      <c r="D6" s="17">
        <v>0</v>
      </c>
      <c r="F6" s="16" t="s">
        <v>14</v>
      </c>
      <c r="G6" s="17">
        <v>0</v>
      </c>
      <c r="H6" s="17">
        <v>0</v>
      </c>
      <c r="I6" s="17">
        <v>0</v>
      </c>
      <c r="K6" s="16" t="s">
        <v>15</v>
      </c>
      <c r="L6" s="17">
        <v>0</v>
      </c>
      <c r="M6" s="17">
        <v>0</v>
      </c>
      <c r="N6" s="17">
        <v>0</v>
      </c>
    </row>
    <row r="7" spans="1:14">
      <c r="A7" s="18" t="s">
        <v>16</v>
      </c>
      <c r="B7" s="19">
        <v>0</v>
      </c>
      <c r="C7" s="19">
        <v>0</v>
      </c>
      <c r="D7" s="19">
        <v>0</v>
      </c>
      <c r="F7" s="18">
        <v>35</v>
      </c>
      <c r="G7" s="19">
        <v>0</v>
      </c>
      <c r="H7" s="19">
        <v>0</v>
      </c>
      <c r="I7" s="19">
        <v>0</v>
      </c>
      <c r="K7" s="18">
        <v>70</v>
      </c>
      <c r="L7" s="19">
        <v>0</v>
      </c>
      <c r="M7" s="19">
        <v>0</v>
      </c>
      <c r="N7" s="19">
        <v>0</v>
      </c>
    </row>
    <row r="8" spans="1:14">
      <c r="A8" s="18">
        <v>1</v>
      </c>
      <c r="B8" s="19">
        <v>0</v>
      </c>
      <c r="C8" s="19">
        <v>0</v>
      </c>
      <c r="D8" s="19">
        <v>0</v>
      </c>
      <c r="F8" s="18">
        <v>36</v>
      </c>
      <c r="G8" s="19">
        <v>0</v>
      </c>
      <c r="H8" s="19">
        <v>0</v>
      </c>
      <c r="I8" s="19">
        <v>0</v>
      </c>
      <c r="K8" s="18">
        <v>71</v>
      </c>
      <c r="L8" s="19">
        <v>0</v>
      </c>
      <c r="M8" s="19">
        <v>0</v>
      </c>
      <c r="N8" s="19">
        <v>0</v>
      </c>
    </row>
    <row r="9" spans="1:14">
      <c r="A9" s="18">
        <v>2</v>
      </c>
      <c r="B9" s="19">
        <v>0</v>
      </c>
      <c r="C9" s="19">
        <v>0</v>
      </c>
      <c r="D9" s="19">
        <v>0</v>
      </c>
      <c r="F9" s="18">
        <v>37</v>
      </c>
      <c r="G9" s="19">
        <v>0</v>
      </c>
      <c r="H9" s="19">
        <v>0</v>
      </c>
      <c r="I9" s="19">
        <v>0</v>
      </c>
      <c r="K9" s="18">
        <v>72</v>
      </c>
      <c r="L9" s="19">
        <v>0</v>
      </c>
      <c r="M9" s="19">
        <v>0</v>
      </c>
      <c r="N9" s="19">
        <v>0</v>
      </c>
    </row>
    <row r="10" spans="1:14">
      <c r="A10" s="18">
        <v>3</v>
      </c>
      <c r="B10" s="19">
        <v>0</v>
      </c>
      <c r="C10" s="19">
        <v>0</v>
      </c>
      <c r="D10" s="19">
        <v>0</v>
      </c>
      <c r="F10" s="18">
        <v>38</v>
      </c>
      <c r="G10" s="19">
        <v>0</v>
      </c>
      <c r="H10" s="19">
        <v>0</v>
      </c>
      <c r="I10" s="19">
        <v>0</v>
      </c>
      <c r="K10" s="18">
        <v>73</v>
      </c>
      <c r="L10" s="19">
        <v>0</v>
      </c>
      <c r="M10" s="19">
        <v>0</v>
      </c>
      <c r="N10" s="19">
        <v>0</v>
      </c>
    </row>
    <row r="11" spans="1:14">
      <c r="A11" s="20">
        <v>4</v>
      </c>
      <c r="B11" s="19">
        <v>0</v>
      </c>
      <c r="C11" s="21">
        <v>0</v>
      </c>
      <c r="D11" s="21">
        <v>0</v>
      </c>
      <c r="F11" s="20">
        <v>39</v>
      </c>
      <c r="G11" s="19">
        <v>0</v>
      </c>
      <c r="H11" s="21">
        <v>0</v>
      </c>
      <c r="I11" s="21">
        <v>0</v>
      </c>
      <c r="K11" s="20">
        <v>74</v>
      </c>
      <c r="L11" s="19">
        <v>0</v>
      </c>
      <c r="M11" s="21">
        <v>0</v>
      </c>
      <c r="N11" s="21">
        <v>0</v>
      </c>
    </row>
    <row r="12" spans="1:14">
      <c r="A12" s="16" t="s">
        <v>17</v>
      </c>
      <c r="B12" s="17">
        <v>0</v>
      </c>
      <c r="C12" s="17">
        <v>0</v>
      </c>
      <c r="D12" s="17">
        <v>0</v>
      </c>
      <c r="F12" s="16" t="s">
        <v>18</v>
      </c>
      <c r="G12" s="17">
        <v>0</v>
      </c>
      <c r="H12" s="17">
        <v>0</v>
      </c>
      <c r="I12" s="17">
        <v>0</v>
      </c>
      <c r="K12" s="16" t="s">
        <v>19</v>
      </c>
      <c r="L12" s="17">
        <v>0</v>
      </c>
      <c r="M12" s="17">
        <v>0</v>
      </c>
      <c r="N12" s="17">
        <v>0</v>
      </c>
    </row>
    <row r="13" spans="1:14">
      <c r="A13" s="18">
        <v>5</v>
      </c>
      <c r="B13" s="19">
        <v>0</v>
      </c>
      <c r="C13" s="19">
        <v>0</v>
      </c>
      <c r="D13" s="19">
        <v>0</v>
      </c>
      <c r="F13" s="18">
        <v>40</v>
      </c>
      <c r="G13" s="19">
        <v>0</v>
      </c>
      <c r="H13" s="19">
        <v>0</v>
      </c>
      <c r="I13" s="19">
        <v>0</v>
      </c>
      <c r="K13" s="18">
        <v>75</v>
      </c>
      <c r="L13" s="19">
        <v>0</v>
      </c>
      <c r="M13" s="19">
        <v>0</v>
      </c>
      <c r="N13" s="19">
        <v>0</v>
      </c>
    </row>
    <row r="14" spans="1:14">
      <c r="A14" s="18">
        <v>6</v>
      </c>
      <c r="B14" s="19">
        <v>0</v>
      </c>
      <c r="C14" s="19">
        <v>0</v>
      </c>
      <c r="D14" s="19">
        <v>0</v>
      </c>
      <c r="F14" s="18">
        <v>41</v>
      </c>
      <c r="G14" s="19">
        <v>0</v>
      </c>
      <c r="H14" s="19">
        <v>0</v>
      </c>
      <c r="I14" s="19">
        <v>0</v>
      </c>
      <c r="K14" s="18">
        <v>76</v>
      </c>
      <c r="L14" s="19">
        <v>0</v>
      </c>
      <c r="M14" s="19">
        <v>0</v>
      </c>
      <c r="N14" s="19">
        <v>0</v>
      </c>
    </row>
    <row r="15" spans="1:14">
      <c r="A15" s="18">
        <v>7</v>
      </c>
      <c r="B15" s="19">
        <v>0</v>
      </c>
      <c r="C15" s="19">
        <v>0</v>
      </c>
      <c r="D15" s="19">
        <v>0</v>
      </c>
      <c r="F15" s="18">
        <v>42</v>
      </c>
      <c r="G15" s="19">
        <v>0</v>
      </c>
      <c r="H15" s="19">
        <v>0</v>
      </c>
      <c r="I15" s="19">
        <v>0</v>
      </c>
      <c r="K15" s="18">
        <v>77</v>
      </c>
      <c r="L15" s="19">
        <v>0</v>
      </c>
      <c r="M15" s="19">
        <v>0</v>
      </c>
      <c r="N15" s="19">
        <v>0</v>
      </c>
    </row>
    <row r="16" spans="1:14">
      <c r="A16" s="18">
        <v>8</v>
      </c>
      <c r="B16" s="19">
        <v>0</v>
      </c>
      <c r="C16" s="19">
        <v>0</v>
      </c>
      <c r="D16" s="19">
        <v>0</v>
      </c>
      <c r="F16" s="18">
        <v>43</v>
      </c>
      <c r="G16" s="19">
        <v>0</v>
      </c>
      <c r="H16" s="19">
        <v>0</v>
      </c>
      <c r="I16" s="19">
        <v>0</v>
      </c>
      <c r="K16" s="18">
        <v>78</v>
      </c>
      <c r="L16" s="19">
        <v>0</v>
      </c>
      <c r="M16" s="19">
        <v>0</v>
      </c>
      <c r="N16" s="19">
        <v>0</v>
      </c>
    </row>
    <row r="17" spans="1:14">
      <c r="A17" s="20">
        <v>9</v>
      </c>
      <c r="B17" s="19">
        <v>0</v>
      </c>
      <c r="C17" s="21">
        <v>0</v>
      </c>
      <c r="D17" s="21">
        <v>0</v>
      </c>
      <c r="F17" s="20">
        <v>44</v>
      </c>
      <c r="G17" s="19">
        <v>0</v>
      </c>
      <c r="H17" s="21">
        <v>0</v>
      </c>
      <c r="I17" s="21">
        <v>0</v>
      </c>
      <c r="K17" s="20">
        <v>79</v>
      </c>
      <c r="L17" s="19">
        <v>0</v>
      </c>
      <c r="M17" s="21">
        <v>0</v>
      </c>
      <c r="N17" s="21">
        <v>0</v>
      </c>
    </row>
    <row r="18" spans="1:14">
      <c r="A18" s="16" t="s">
        <v>20</v>
      </c>
      <c r="B18" s="17">
        <v>0</v>
      </c>
      <c r="C18" s="17">
        <v>0</v>
      </c>
      <c r="D18" s="17">
        <v>0</v>
      </c>
      <c r="F18" s="16" t="s">
        <v>21</v>
      </c>
      <c r="G18" s="17">
        <v>0</v>
      </c>
      <c r="H18" s="17">
        <v>0</v>
      </c>
      <c r="I18" s="17">
        <v>0</v>
      </c>
      <c r="K18" s="16" t="s">
        <v>22</v>
      </c>
      <c r="L18" s="17">
        <v>0</v>
      </c>
      <c r="M18" s="17">
        <v>0</v>
      </c>
      <c r="N18" s="17">
        <v>0</v>
      </c>
    </row>
    <row r="19" spans="1:14">
      <c r="A19" s="18">
        <v>10</v>
      </c>
      <c r="B19" s="19">
        <v>0</v>
      </c>
      <c r="C19" s="19">
        <v>0</v>
      </c>
      <c r="D19" s="19">
        <v>0</v>
      </c>
      <c r="F19" s="18">
        <v>45</v>
      </c>
      <c r="G19" s="19">
        <v>0</v>
      </c>
      <c r="H19" s="19">
        <v>0</v>
      </c>
      <c r="I19" s="19">
        <v>0</v>
      </c>
      <c r="K19" s="18">
        <v>80</v>
      </c>
      <c r="L19" s="19">
        <v>0</v>
      </c>
      <c r="M19" s="19">
        <v>0</v>
      </c>
      <c r="N19" s="19">
        <v>0</v>
      </c>
    </row>
    <row r="20" spans="1:14">
      <c r="A20" s="18">
        <v>11</v>
      </c>
      <c r="B20" s="19">
        <v>0</v>
      </c>
      <c r="C20" s="19">
        <v>0</v>
      </c>
      <c r="D20" s="19">
        <v>0</v>
      </c>
      <c r="F20" s="18">
        <v>46</v>
      </c>
      <c r="G20" s="19">
        <v>0</v>
      </c>
      <c r="H20" s="19">
        <v>0</v>
      </c>
      <c r="I20" s="19">
        <v>0</v>
      </c>
      <c r="K20" s="18">
        <v>81</v>
      </c>
      <c r="L20" s="19">
        <v>0</v>
      </c>
      <c r="M20" s="19">
        <v>0</v>
      </c>
      <c r="N20" s="19">
        <v>0</v>
      </c>
    </row>
    <row r="21" spans="1:14">
      <c r="A21" s="18">
        <v>12</v>
      </c>
      <c r="B21" s="19">
        <v>0</v>
      </c>
      <c r="C21" s="19">
        <v>0</v>
      </c>
      <c r="D21" s="19">
        <v>0</v>
      </c>
      <c r="F21" s="18">
        <v>47</v>
      </c>
      <c r="G21" s="19">
        <v>0</v>
      </c>
      <c r="H21" s="19">
        <v>0</v>
      </c>
      <c r="I21" s="19">
        <v>0</v>
      </c>
      <c r="K21" s="18">
        <v>82</v>
      </c>
      <c r="L21" s="19">
        <v>0</v>
      </c>
      <c r="M21" s="19">
        <v>0</v>
      </c>
      <c r="N21" s="19">
        <v>0</v>
      </c>
    </row>
    <row r="22" spans="1:14">
      <c r="A22" s="18">
        <v>13</v>
      </c>
      <c r="B22" s="19">
        <v>0</v>
      </c>
      <c r="C22" s="19">
        <v>0</v>
      </c>
      <c r="D22" s="19">
        <v>0</v>
      </c>
      <c r="F22" s="18">
        <v>48</v>
      </c>
      <c r="G22" s="19">
        <v>0</v>
      </c>
      <c r="H22" s="19">
        <v>0</v>
      </c>
      <c r="I22" s="19">
        <v>0</v>
      </c>
      <c r="K22" s="18">
        <v>83</v>
      </c>
      <c r="L22" s="19">
        <v>0</v>
      </c>
      <c r="M22" s="19">
        <v>0</v>
      </c>
      <c r="N22" s="19">
        <v>0</v>
      </c>
    </row>
    <row r="23" spans="1:14">
      <c r="A23" s="20">
        <v>14</v>
      </c>
      <c r="B23" s="19">
        <v>0</v>
      </c>
      <c r="C23" s="21">
        <v>0</v>
      </c>
      <c r="D23" s="21">
        <v>0</v>
      </c>
      <c r="F23" s="20">
        <v>49</v>
      </c>
      <c r="G23" s="19">
        <v>0</v>
      </c>
      <c r="H23" s="21">
        <v>0</v>
      </c>
      <c r="I23" s="21">
        <v>0</v>
      </c>
      <c r="K23" s="20">
        <v>84</v>
      </c>
      <c r="L23" s="19">
        <v>0</v>
      </c>
      <c r="M23" s="21">
        <v>0</v>
      </c>
      <c r="N23" s="21">
        <v>0</v>
      </c>
    </row>
    <row r="24" spans="1:14">
      <c r="A24" s="16" t="s">
        <v>23</v>
      </c>
      <c r="B24" s="17">
        <v>0</v>
      </c>
      <c r="C24" s="17">
        <v>0</v>
      </c>
      <c r="D24" s="17">
        <v>0</v>
      </c>
      <c r="F24" s="16" t="s">
        <v>24</v>
      </c>
      <c r="G24" s="17">
        <v>0</v>
      </c>
      <c r="H24" s="17">
        <v>0</v>
      </c>
      <c r="I24" s="17">
        <v>0</v>
      </c>
      <c r="K24" s="16" t="s">
        <v>25</v>
      </c>
      <c r="L24" s="17">
        <v>0</v>
      </c>
      <c r="M24" s="17">
        <v>0</v>
      </c>
      <c r="N24" s="17">
        <v>0</v>
      </c>
    </row>
    <row r="25" spans="1:14">
      <c r="A25" s="18">
        <v>15</v>
      </c>
      <c r="B25" s="19">
        <v>0</v>
      </c>
      <c r="C25" s="19">
        <v>0</v>
      </c>
      <c r="D25" s="19">
        <v>0</v>
      </c>
      <c r="F25" s="18">
        <v>50</v>
      </c>
      <c r="G25" s="19">
        <v>0</v>
      </c>
      <c r="H25" s="19">
        <v>0</v>
      </c>
      <c r="I25" s="19">
        <v>0</v>
      </c>
      <c r="K25" s="18">
        <v>85</v>
      </c>
      <c r="L25" s="19">
        <v>0</v>
      </c>
      <c r="M25" s="19">
        <v>0</v>
      </c>
      <c r="N25" s="19">
        <v>0</v>
      </c>
    </row>
    <row r="26" spans="1:14">
      <c r="A26" s="18">
        <v>16</v>
      </c>
      <c r="B26" s="19">
        <v>0</v>
      </c>
      <c r="C26" s="19">
        <v>0</v>
      </c>
      <c r="D26" s="19">
        <v>0</v>
      </c>
      <c r="F26" s="18">
        <v>51</v>
      </c>
      <c r="G26" s="19">
        <v>0</v>
      </c>
      <c r="H26" s="19">
        <v>0</v>
      </c>
      <c r="I26" s="19">
        <v>0</v>
      </c>
      <c r="K26" s="18">
        <v>86</v>
      </c>
      <c r="L26" s="19">
        <v>0</v>
      </c>
      <c r="M26" s="19">
        <v>0</v>
      </c>
      <c r="N26" s="19">
        <v>0</v>
      </c>
    </row>
    <row r="27" spans="1:14">
      <c r="A27" s="18">
        <v>17</v>
      </c>
      <c r="B27" s="19">
        <v>0</v>
      </c>
      <c r="C27" s="19">
        <v>0</v>
      </c>
      <c r="D27" s="19">
        <v>0</v>
      </c>
      <c r="F27" s="18">
        <v>52</v>
      </c>
      <c r="G27" s="19">
        <v>0</v>
      </c>
      <c r="H27" s="19">
        <v>0</v>
      </c>
      <c r="I27" s="19">
        <v>0</v>
      </c>
      <c r="K27" s="18">
        <v>87</v>
      </c>
      <c r="L27" s="19">
        <v>0</v>
      </c>
      <c r="M27" s="19">
        <v>0</v>
      </c>
      <c r="N27" s="19">
        <v>0</v>
      </c>
    </row>
    <row r="28" spans="1:14">
      <c r="A28" s="18">
        <v>18</v>
      </c>
      <c r="B28" s="19">
        <v>0</v>
      </c>
      <c r="C28" s="19">
        <v>0</v>
      </c>
      <c r="D28" s="19">
        <v>0</v>
      </c>
      <c r="F28" s="18">
        <v>53</v>
      </c>
      <c r="G28" s="19">
        <v>0</v>
      </c>
      <c r="H28" s="19">
        <v>0</v>
      </c>
      <c r="I28" s="19">
        <v>0</v>
      </c>
      <c r="K28" s="18">
        <v>88</v>
      </c>
      <c r="L28" s="19">
        <v>0</v>
      </c>
      <c r="M28" s="19">
        <v>0</v>
      </c>
      <c r="N28" s="19">
        <v>0</v>
      </c>
    </row>
    <row r="29" spans="1:14">
      <c r="A29" s="20">
        <v>19</v>
      </c>
      <c r="B29" s="19">
        <v>0</v>
      </c>
      <c r="C29" s="21">
        <v>0</v>
      </c>
      <c r="D29" s="21">
        <v>0</v>
      </c>
      <c r="F29" s="20">
        <v>54</v>
      </c>
      <c r="G29" s="19">
        <v>0</v>
      </c>
      <c r="H29" s="21">
        <v>0</v>
      </c>
      <c r="I29" s="21">
        <v>0</v>
      </c>
      <c r="K29" s="20">
        <v>89</v>
      </c>
      <c r="L29" s="19">
        <v>0</v>
      </c>
      <c r="M29" s="21">
        <v>0</v>
      </c>
      <c r="N29" s="21">
        <v>0</v>
      </c>
    </row>
    <row r="30" spans="1:14">
      <c r="A30" s="16" t="s">
        <v>26</v>
      </c>
      <c r="B30" s="17">
        <v>0</v>
      </c>
      <c r="C30" s="17">
        <v>0</v>
      </c>
      <c r="D30" s="17">
        <v>0</v>
      </c>
      <c r="F30" s="16" t="s">
        <v>27</v>
      </c>
      <c r="G30" s="17">
        <v>0</v>
      </c>
      <c r="H30" s="17">
        <v>0</v>
      </c>
      <c r="I30" s="17">
        <v>0</v>
      </c>
      <c r="K30" s="16" t="s">
        <v>28</v>
      </c>
      <c r="L30" s="17">
        <v>0</v>
      </c>
      <c r="M30" s="17">
        <v>0</v>
      </c>
      <c r="N30" s="17">
        <v>0</v>
      </c>
    </row>
    <row r="31" spans="1:14">
      <c r="A31" s="18">
        <v>20</v>
      </c>
      <c r="B31" s="19">
        <v>0</v>
      </c>
      <c r="C31" s="19">
        <v>0</v>
      </c>
      <c r="D31" s="19">
        <v>0</v>
      </c>
      <c r="F31" s="18">
        <v>55</v>
      </c>
      <c r="G31" s="19">
        <v>0</v>
      </c>
      <c r="H31" s="19">
        <v>0</v>
      </c>
      <c r="I31" s="19">
        <v>0</v>
      </c>
      <c r="K31" s="18">
        <v>90</v>
      </c>
      <c r="L31" s="19">
        <v>0</v>
      </c>
      <c r="M31" s="19">
        <v>0</v>
      </c>
      <c r="N31" s="19">
        <v>0</v>
      </c>
    </row>
    <row r="32" spans="1:14">
      <c r="A32" s="18">
        <v>21</v>
      </c>
      <c r="B32" s="19">
        <v>0</v>
      </c>
      <c r="C32" s="19">
        <v>0</v>
      </c>
      <c r="D32" s="19">
        <v>0</v>
      </c>
      <c r="F32" s="18">
        <v>56</v>
      </c>
      <c r="G32" s="19">
        <v>0</v>
      </c>
      <c r="H32" s="19">
        <v>0</v>
      </c>
      <c r="I32" s="19">
        <v>0</v>
      </c>
      <c r="K32" s="18">
        <v>91</v>
      </c>
      <c r="L32" s="19">
        <v>0</v>
      </c>
      <c r="M32" s="19">
        <v>0</v>
      </c>
      <c r="N32" s="19">
        <v>0</v>
      </c>
    </row>
    <row r="33" spans="1:14">
      <c r="A33" s="18">
        <v>22</v>
      </c>
      <c r="B33" s="19">
        <v>0</v>
      </c>
      <c r="C33" s="19">
        <v>0</v>
      </c>
      <c r="D33" s="19">
        <v>0</v>
      </c>
      <c r="F33" s="18">
        <v>57</v>
      </c>
      <c r="G33" s="19">
        <v>0</v>
      </c>
      <c r="H33" s="19">
        <v>0</v>
      </c>
      <c r="I33" s="19">
        <v>0</v>
      </c>
      <c r="K33" s="18">
        <v>92</v>
      </c>
      <c r="L33" s="19">
        <v>0</v>
      </c>
      <c r="M33" s="19">
        <v>0</v>
      </c>
      <c r="N33" s="19">
        <v>0</v>
      </c>
    </row>
    <row r="34" spans="1:14">
      <c r="A34" s="18">
        <v>23</v>
      </c>
      <c r="B34" s="19">
        <v>0</v>
      </c>
      <c r="C34" s="19">
        <v>0</v>
      </c>
      <c r="D34" s="19">
        <v>0</v>
      </c>
      <c r="F34" s="18">
        <v>58</v>
      </c>
      <c r="G34" s="19">
        <v>0</v>
      </c>
      <c r="H34" s="19">
        <v>0</v>
      </c>
      <c r="I34" s="19">
        <v>0</v>
      </c>
      <c r="K34" s="18">
        <v>93</v>
      </c>
      <c r="L34" s="19">
        <v>0</v>
      </c>
      <c r="M34" s="19">
        <v>0</v>
      </c>
      <c r="N34" s="19">
        <v>0</v>
      </c>
    </row>
    <row r="35" spans="1:14">
      <c r="A35" s="20">
        <v>24</v>
      </c>
      <c r="B35" s="19">
        <v>0</v>
      </c>
      <c r="C35" s="21">
        <v>0</v>
      </c>
      <c r="D35" s="21">
        <v>0</v>
      </c>
      <c r="F35" s="20">
        <v>59</v>
      </c>
      <c r="G35" s="19">
        <v>0</v>
      </c>
      <c r="H35" s="21">
        <v>0</v>
      </c>
      <c r="I35" s="21">
        <v>0</v>
      </c>
      <c r="K35" s="20">
        <v>94</v>
      </c>
      <c r="L35" s="19">
        <v>0</v>
      </c>
      <c r="M35" s="21">
        <v>0</v>
      </c>
      <c r="N35" s="21">
        <v>0</v>
      </c>
    </row>
    <row r="36" spans="1:14">
      <c r="A36" s="16" t="s">
        <v>29</v>
      </c>
      <c r="B36" s="17">
        <v>0</v>
      </c>
      <c r="C36" s="17">
        <v>0</v>
      </c>
      <c r="D36" s="17">
        <v>0</v>
      </c>
      <c r="F36" s="16" t="s">
        <v>30</v>
      </c>
      <c r="G36" s="17">
        <v>0</v>
      </c>
      <c r="H36" s="17">
        <v>0</v>
      </c>
      <c r="I36" s="17">
        <v>0</v>
      </c>
      <c r="K36" s="16" t="s">
        <v>31</v>
      </c>
      <c r="L36" s="17">
        <v>0</v>
      </c>
      <c r="M36" s="17">
        <v>0</v>
      </c>
      <c r="N36" s="17">
        <v>0</v>
      </c>
    </row>
    <row r="37" spans="1:14">
      <c r="A37" s="18">
        <v>25</v>
      </c>
      <c r="B37" s="19">
        <v>0</v>
      </c>
      <c r="C37" s="19">
        <v>0</v>
      </c>
      <c r="D37" s="19">
        <v>0</v>
      </c>
      <c r="F37" s="18">
        <v>60</v>
      </c>
      <c r="G37" s="19">
        <v>0</v>
      </c>
      <c r="H37" s="19">
        <v>0</v>
      </c>
      <c r="I37" s="19">
        <v>0</v>
      </c>
      <c r="K37" s="18">
        <v>95</v>
      </c>
      <c r="L37" s="19">
        <v>0</v>
      </c>
      <c r="M37" s="19">
        <v>0</v>
      </c>
      <c r="N37" s="19">
        <v>0</v>
      </c>
    </row>
    <row r="38" spans="1:14">
      <c r="A38" s="18">
        <v>26</v>
      </c>
      <c r="B38" s="19">
        <v>0</v>
      </c>
      <c r="C38" s="19">
        <v>0</v>
      </c>
      <c r="D38" s="19">
        <v>0</v>
      </c>
      <c r="F38" s="18">
        <v>61</v>
      </c>
      <c r="G38" s="19">
        <v>0</v>
      </c>
      <c r="H38" s="19">
        <v>0</v>
      </c>
      <c r="I38" s="19">
        <v>0</v>
      </c>
      <c r="K38" s="18">
        <v>96</v>
      </c>
      <c r="L38" s="19">
        <v>0</v>
      </c>
      <c r="M38" s="19">
        <v>0</v>
      </c>
      <c r="N38" s="19">
        <v>0</v>
      </c>
    </row>
    <row r="39" spans="1:14">
      <c r="A39" s="18">
        <v>27</v>
      </c>
      <c r="B39" s="19">
        <v>0</v>
      </c>
      <c r="C39" s="19">
        <v>0</v>
      </c>
      <c r="D39" s="19">
        <v>0</v>
      </c>
      <c r="F39" s="18">
        <v>62</v>
      </c>
      <c r="G39" s="19">
        <v>0</v>
      </c>
      <c r="H39" s="19">
        <v>0</v>
      </c>
      <c r="I39" s="19">
        <v>0</v>
      </c>
      <c r="K39" s="18">
        <v>97</v>
      </c>
      <c r="L39" s="19">
        <v>0</v>
      </c>
      <c r="M39" s="19">
        <v>0</v>
      </c>
      <c r="N39" s="19">
        <v>0</v>
      </c>
    </row>
    <row r="40" spans="1:14">
      <c r="A40" s="18">
        <v>28</v>
      </c>
      <c r="B40" s="19">
        <v>0</v>
      </c>
      <c r="C40" s="19">
        <v>0</v>
      </c>
      <c r="D40" s="19">
        <v>0</v>
      </c>
      <c r="F40" s="18">
        <v>63</v>
      </c>
      <c r="G40" s="19">
        <v>0</v>
      </c>
      <c r="H40" s="19">
        <v>0</v>
      </c>
      <c r="I40" s="19">
        <v>0</v>
      </c>
      <c r="K40" s="18">
        <v>98</v>
      </c>
      <c r="L40" s="19">
        <v>0</v>
      </c>
      <c r="M40" s="19">
        <v>0</v>
      </c>
      <c r="N40" s="19">
        <v>0</v>
      </c>
    </row>
    <row r="41" spans="1:14">
      <c r="A41" s="20">
        <v>29</v>
      </c>
      <c r="B41" s="19">
        <v>0</v>
      </c>
      <c r="C41" s="21">
        <v>0</v>
      </c>
      <c r="D41" s="21">
        <v>0</v>
      </c>
      <c r="F41" s="20">
        <v>64</v>
      </c>
      <c r="G41" s="19">
        <v>0</v>
      </c>
      <c r="H41" s="21">
        <v>0</v>
      </c>
      <c r="I41" s="21">
        <v>0</v>
      </c>
      <c r="K41" s="20">
        <v>99</v>
      </c>
      <c r="L41" s="19">
        <v>0</v>
      </c>
      <c r="M41" s="21">
        <v>0</v>
      </c>
      <c r="N41" s="21">
        <v>0</v>
      </c>
    </row>
    <row r="42" spans="1:14">
      <c r="A42" s="16" t="s">
        <v>32</v>
      </c>
      <c r="B42" s="17">
        <v>0</v>
      </c>
      <c r="C42" s="17">
        <v>0</v>
      </c>
      <c r="D42" s="17">
        <v>0</v>
      </c>
      <c r="F42" s="16" t="s">
        <v>33</v>
      </c>
      <c r="G42" s="17">
        <v>0</v>
      </c>
      <c r="H42" s="17">
        <v>0</v>
      </c>
      <c r="I42" s="17">
        <v>0</v>
      </c>
      <c r="K42" s="16" t="s">
        <v>34</v>
      </c>
      <c r="L42" s="17">
        <v>0</v>
      </c>
      <c r="M42" s="17">
        <v>0</v>
      </c>
      <c r="N42" s="17">
        <v>0</v>
      </c>
    </row>
    <row r="43" spans="1:14">
      <c r="A43" s="18">
        <v>30</v>
      </c>
      <c r="B43" s="19">
        <v>0</v>
      </c>
      <c r="C43" s="19">
        <v>0</v>
      </c>
      <c r="D43" s="19">
        <v>0</v>
      </c>
      <c r="F43" s="18">
        <v>65</v>
      </c>
      <c r="G43" s="19">
        <v>0</v>
      </c>
      <c r="H43" s="19">
        <v>0</v>
      </c>
      <c r="I43" s="19">
        <v>0</v>
      </c>
      <c r="K43" s="18"/>
      <c r="L43" s="19"/>
      <c r="M43" s="19"/>
      <c r="N43" s="19"/>
    </row>
    <row r="44" spans="1:14">
      <c r="A44" s="18">
        <v>31</v>
      </c>
      <c r="B44" s="19">
        <v>0</v>
      </c>
      <c r="C44" s="19">
        <v>0</v>
      </c>
      <c r="D44" s="19">
        <v>0</v>
      </c>
      <c r="F44" s="18">
        <v>66</v>
      </c>
      <c r="G44" s="19">
        <v>0</v>
      </c>
      <c r="H44" s="19">
        <v>0</v>
      </c>
      <c r="I44" s="19">
        <v>0</v>
      </c>
      <c r="K44" s="18" t="s">
        <v>35</v>
      </c>
      <c r="L44" s="19">
        <v>0</v>
      </c>
      <c r="M44" s="19">
        <v>0</v>
      </c>
      <c r="N44" s="19">
        <v>0</v>
      </c>
    </row>
    <row r="45" spans="1:14">
      <c r="A45" s="18">
        <v>32</v>
      </c>
      <c r="B45" s="19">
        <v>0</v>
      </c>
      <c r="C45" s="19">
        <v>0</v>
      </c>
      <c r="D45" s="19">
        <v>0</v>
      </c>
      <c r="F45" s="18">
        <v>67</v>
      </c>
      <c r="G45" s="19">
        <v>0</v>
      </c>
      <c r="H45" s="19">
        <v>0</v>
      </c>
      <c r="I45" s="19">
        <v>0</v>
      </c>
      <c r="K45" s="18"/>
      <c r="L45" s="19"/>
      <c r="M45" s="19"/>
      <c r="N45" s="19"/>
    </row>
    <row r="46" spans="1:14">
      <c r="A46" s="18">
        <v>33</v>
      </c>
      <c r="B46" s="19">
        <v>0</v>
      </c>
      <c r="C46" s="19">
        <v>0</v>
      </c>
      <c r="D46" s="19">
        <v>0</v>
      </c>
      <c r="F46" s="18">
        <v>68</v>
      </c>
      <c r="G46" s="19">
        <v>0</v>
      </c>
      <c r="H46" s="19">
        <v>0</v>
      </c>
      <c r="I46" s="19">
        <v>0</v>
      </c>
      <c r="K46" s="18" t="s">
        <v>36</v>
      </c>
      <c r="L46" s="19">
        <v>0</v>
      </c>
      <c r="M46" s="19">
        <v>0</v>
      </c>
      <c r="N46" s="19">
        <v>0</v>
      </c>
    </row>
    <row r="47" spans="1:14">
      <c r="A47" s="20">
        <v>34</v>
      </c>
      <c r="B47" s="21">
        <v>0</v>
      </c>
      <c r="C47" s="21">
        <v>0</v>
      </c>
      <c r="D47" s="21">
        <v>0</v>
      </c>
      <c r="F47" s="20">
        <v>69</v>
      </c>
      <c r="G47" s="21">
        <v>0</v>
      </c>
      <c r="H47" s="21">
        <v>0</v>
      </c>
      <c r="I47" s="21">
        <v>0</v>
      </c>
      <c r="K47" s="20"/>
      <c r="L47" s="21"/>
      <c r="M47" s="21"/>
      <c r="N47" s="21"/>
    </row>
    <row r="95" spans="1:1">
      <c r="A95" s="22">
        <v>0</v>
      </c>
    </row>
  </sheetData>
  <mergeCells count="1">
    <mergeCell ref="F2:K2"/>
  </mergeCells>
  <phoneticPr fontId="2"/>
  <pageMargins left="0.78740157480314965" right="0.59055118110236227" top="0.78740157480314965" bottom="0" header="0" footer="0"/>
  <pageSetup paperSize="12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42</vt:i4>
      </vt:variant>
      <vt:variant>
        <vt:lpstr>名前付き一覧</vt:lpstr>
      </vt:variant>
      <vt:variant>
        <vt:i4>442</vt:i4>
      </vt:variant>
    </vt:vector>
  </HeadingPairs>
  <TitlesOfParts>
    <vt:vector size="884" baseType="lpstr">
      <vt:lpstr>高田地区（高田旧市・甲）</vt:lpstr>
      <vt:lpstr>南本町１丁目</vt:lpstr>
      <vt:lpstr>南本町２丁目</vt:lpstr>
      <vt:lpstr>南本町３丁目</vt:lpstr>
      <vt:lpstr>東城町１丁目</vt:lpstr>
      <vt:lpstr>東城町２丁目</vt:lpstr>
      <vt:lpstr>東城町３丁目</vt:lpstr>
      <vt:lpstr>南城町１丁目</vt:lpstr>
      <vt:lpstr>南城町２丁目</vt:lpstr>
      <vt:lpstr>南城町３丁目</vt:lpstr>
      <vt:lpstr>南城町４丁目</vt:lpstr>
      <vt:lpstr>大手町</vt:lpstr>
      <vt:lpstr>本城町</vt:lpstr>
      <vt:lpstr>南新町</vt:lpstr>
      <vt:lpstr>南高田町</vt:lpstr>
      <vt:lpstr>高田地区（高田旧市・乙）</vt:lpstr>
      <vt:lpstr>本町１丁目</vt:lpstr>
      <vt:lpstr>本町２丁目</vt:lpstr>
      <vt:lpstr>本町３丁目</vt:lpstr>
      <vt:lpstr>本町４丁目</vt:lpstr>
      <vt:lpstr>本町５丁目</vt:lpstr>
      <vt:lpstr>本町６丁目</vt:lpstr>
      <vt:lpstr>本町７丁目</vt:lpstr>
      <vt:lpstr>北本町１丁目</vt:lpstr>
      <vt:lpstr>北本町２丁目</vt:lpstr>
      <vt:lpstr>北本町３丁目</vt:lpstr>
      <vt:lpstr>北本町４丁目</vt:lpstr>
      <vt:lpstr>高田地区（高田旧市・丙）</vt:lpstr>
      <vt:lpstr>仲町１丁目</vt:lpstr>
      <vt:lpstr>仲町２丁目</vt:lpstr>
      <vt:lpstr>仲町３丁目</vt:lpstr>
      <vt:lpstr>仲町４丁目</vt:lpstr>
      <vt:lpstr>仲町５丁目</vt:lpstr>
      <vt:lpstr>仲町６丁目</vt:lpstr>
      <vt:lpstr>寺町１丁目</vt:lpstr>
      <vt:lpstr>寺町２丁目</vt:lpstr>
      <vt:lpstr>寺町３丁目</vt:lpstr>
      <vt:lpstr>高田地区（高田旧市・丁）</vt:lpstr>
      <vt:lpstr>大町１丁目</vt:lpstr>
      <vt:lpstr>大町２丁目</vt:lpstr>
      <vt:lpstr>大町３丁目</vt:lpstr>
      <vt:lpstr>大町４丁目</vt:lpstr>
      <vt:lpstr>大町５丁目</vt:lpstr>
      <vt:lpstr>西城町１丁目</vt:lpstr>
      <vt:lpstr>西城町２丁目</vt:lpstr>
      <vt:lpstr>西城町３丁目</vt:lpstr>
      <vt:lpstr>西城町４丁目</vt:lpstr>
      <vt:lpstr>北城町１丁目</vt:lpstr>
      <vt:lpstr>北城町２丁目</vt:lpstr>
      <vt:lpstr>北城町３丁目</vt:lpstr>
      <vt:lpstr>北城町４丁目</vt:lpstr>
      <vt:lpstr>高田地区（高田旧市・戊）</vt:lpstr>
      <vt:lpstr>東本町１丁目</vt:lpstr>
      <vt:lpstr>東本町２丁目</vt:lpstr>
      <vt:lpstr>東本町３丁目</vt:lpstr>
      <vt:lpstr>東本町４丁目</vt:lpstr>
      <vt:lpstr>東本町５丁目</vt:lpstr>
      <vt:lpstr>幸町</vt:lpstr>
      <vt:lpstr>栄町</vt:lpstr>
      <vt:lpstr>新町</vt:lpstr>
      <vt:lpstr>高土町受地</vt:lpstr>
      <vt:lpstr>高土町１丁目</vt:lpstr>
      <vt:lpstr>高土町２丁目</vt:lpstr>
      <vt:lpstr>高土町３丁目</vt:lpstr>
      <vt:lpstr>高田地区（新道）</vt:lpstr>
      <vt:lpstr>大字場</vt:lpstr>
      <vt:lpstr>とよば</vt:lpstr>
      <vt:lpstr>大字子安</vt:lpstr>
      <vt:lpstr>子安</vt:lpstr>
      <vt:lpstr>大字子安新田</vt:lpstr>
      <vt:lpstr>子安新田</vt:lpstr>
      <vt:lpstr>大字鴨島</vt:lpstr>
      <vt:lpstr>鴨島１丁目</vt:lpstr>
      <vt:lpstr>鴨島２丁目</vt:lpstr>
      <vt:lpstr>鴨島３丁目</vt:lpstr>
      <vt:lpstr>鴨島</vt:lpstr>
      <vt:lpstr>稲田１丁目</vt:lpstr>
      <vt:lpstr>稲田２丁目</vt:lpstr>
      <vt:lpstr>稲田３丁目</vt:lpstr>
      <vt:lpstr>稲田４丁目</vt:lpstr>
      <vt:lpstr>大字上稲田</vt:lpstr>
      <vt:lpstr>大字下稲田</vt:lpstr>
      <vt:lpstr>大字寺</vt:lpstr>
      <vt:lpstr>大字大日</vt:lpstr>
      <vt:lpstr>大字中田新田</vt:lpstr>
      <vt:lpstr>大字上島</vt:lpstr>
      <vt:lpstr>大字中々村新田</vt:lpstr>
      <vt:lpstr>大字平岡</vt:lpstr>
      <vt:lpstr>大字南田屋新田</vt:lpstr>
      <vt:lpstr>大字北田屋新田</vt:lpstr>
      <vt:lpstr>大字大道福田</vt:lpstr>
      <vt:lpstr>大道福田</vt:lpstr>
      <vt:lpstr>大字富岡</vt:lpstr>
      <vt:lpstr>富岡</vt:lpstr>
      <vt:lpstr>大字藤野新田</vt:lpstr>
      <vt:lpstr>藤野新田</vt:lpstr>
      <vt:lpstr>大字上島（旧大日古川新田）</vt:lpstr>
      <vt:lpstr>大字大日（旧大日新田）</vt:lpstr>
      <vt:lpstr>大字大道新田</vt:lpstr>
      <vt:lpstr>大字赤塚新田</vt:lpstr>
      <vt:lpstr>新南町</vt:lpstr>
      <vt:lpstr>高田地区（金谷）</vt:lpstr>
      <vt:lpstr>大字上門前</vt:lpstr>
      <vt:lpstr>大字小滝</vt:lpstr>
      <vt:lpstr>大字下馬場</vt:lpstr>
      <vt:lpstr>大字朝日</vt:lpstr>
      <vt:lpstr>大字黒田</vt:lpstr>
      <vt:lpstr>大字灰塚</vt:lpstr>
      <vt:lpstr>大字地頭方</vt:lpstr>
      <vt:lpstr>大字青木</vt:lpstr>
      <vt:lpstr>大字上中田</vt:lpstr>
      <vt:lpstr>上中田</vt:lpstr>
      <vt:lpstr>中通町</vt:lpstr>
      <vt:lpstr>大字向橋</vt:lpstr>
      <vt:lpstr>大字中田原</vt:lpstr>
      <vt:lpstr>大字塩荷谷</vt:lpstr>
      <vt:lpstr>大字儀明</vt:lpstr>
      <vt:lpstr>大字上湯谷</vt:lpstr>
      <vt:lpstr>大字後谷</vt:lpstr>
      <vt:lpstr>大字大貫</vt:lpstr>
      <vt:lpstr>大貫１丁目</vt:lpstr>
      <vt:lpstr>大貫２丁目</vt:lpstr>
      <vt:lpstr>大貫３丁目</vt:lpstr>
      <vt:lpstr>大貫４丁目</vt:lpstr>
      <vt:lpstr>大字飯</vt:lpstr>
      <vt:lpstr>御殿山町</vt:lpstr>
      <vt:lpstr>上昭和町</vt:lpstr>
      <vt:lpstr>昭和町１丁目</vt:lpstr>
      <vt:lpstr>昭和町２丁目</vt:lpstr>
      <vt:lpstr>大字滝寺</vt:lpstr>
      <vt:lpstr>大字下正善寺</vt:lpstr>
      <vt:lpstr>大字中正善寺</vt:lpstr>
      <vt:lpstr>大字宇津尾</vt:lpstr>
      <vt:lpstr>大字上綱子</vt:lpstr>
      <vt:lpstr>大字中ノ俣</vt:lpstr>
      <vt:lpstr>大字京田</vt:lpstr>
      <vt:lpstr>大字下中田</vt:lpstr>
      <vt:lpstr>大字上正善寺</vt:lpstr>
      <vt:lpstr>高田地区（諏訪）</vt:lpstr>
      <vt:lpstr>大字上真砂</vt:lpstr>
      <vt:lpstr>大字杉野袋</vt:lpstr>
      <vt:lpstr>大字北新保</vt:lpstr>
      <vt:lpstr>大字南新保</vt:lpstr>
      <vt:lpstr>大字高森</vt:lpstr>
      <vt:lpstr>大字諏訪</vt:lpstr>
      <vt:lpstr>大字東原</vt:lpstr>
      <vt:lpstr>大字鶴町</vt:lpstr>
      <vt:lpstr>大字北田中</vt:lpstr>
      <vt:lpstr>大字米岡</vt:lpstr>
      <vt:lpstr>米町</vt:lpstr>
      <vt:lpstr>高田地区（和田）</vt:lpstr>
      <vt:lpstr>大字木島</vt:lpstr>
      <vt:lpstr>大字島田上新田</vt:lpstr>
      <vt:lpstr>大字島田</vt:lpstr>
      <vt:lpstr>大字島田下新田</vt:lpstr>
      <vt:lpstr>大字上箱井</vt:lpstr>
      <vt:lpstr>大字中箱井</vt:lpstr>
      <vt:lpstr>大字岡原</vt:lpstr>
      <vt:lpstr>大字下箱井</vt:lpstr>
      <vt:lpstr>大字五ケ所新田</vt:lpstr>
      <vt:lpstr>大字丸山新田</vt:lpstr>
      <vt:lpstr>大字下新田</vt:lpstr>
      <vt:lpstr>大字西田中</vt:lpstr>
      <vt:lpstr>大字寺町</vt:lpstr>
      <vt:lpstr>大字石沢</vt:lpstr>
      <vt:lpstr>大字七ケ所新田</vt:lpstr>
      <vt:lpstr>大字土合</vt:lpstr>
      <vt:lpstr>大字今泉</vt:lpstr>
      <vt:lpstr>大字脇野田</vt:lpstr>
      <vt:lpstr>大字荒町</vt:lpstr>
      <vt:lpstr>大字高田新田</vt:lpstr>
      <vt:lpstr>大字稲荷</vt:lpstr>
      <vt:lpstr>大和１丁目</vt:lpstr>
      <vt:lpstr>大和２丁目</vt:lpstr>
      <vt:lpstr>大和３丁目</vt:lpstr>
      <vt:lpstr>大和４丁目</vt:lpstr>
      <vt:lpstr>大和５丁目</vt:lpstr>
      <vt:lpstr>大和６丁目</vt:lpstr>
      <vt:lpstr>高田地区（津有）</vt:lpstr>
      <vt:lpstr>大字四ケ所</vt:lpstr>
      <vt:lpstr>大字西市野口</vt:lpstr>
      <vt:lpstr>大字戸野目古新田</vt:lpstr>
      <vt:lpstr>大字門田新田</vt:lpstr>
      <vt:lpstr>大字戸野目</vt:lpstr>
      <vt:lpstr>大字市野江</vt:lpstr>
      <vt:lpstr>大字桐原</vt:lpstr>
      <vt:lpstr>大字本道</vt:lpstr>
      <vt:lpstr>大字荒屋</vt:lpstr>
      <vt:lpstr>大字虫川</vt:lpstr>
      <vt:lpstr>大字下野田</vt:lpstr>
      <vt:lpstr>大字長面</vt:lpstr>
      <vt:lpstr>大字上野田</vt:lpstr>
      <vt:lpstr>大字四辻町</vt:lpstr>
      <vt:lpstr>大字下池部</vt:lpstr>
      <vt:lpstr>大字上池部</vt:lpstr>
      <vt:lpstr>大字吉岡</vt:lpstr>
      <vt:lpstr>大字東市野口</vt:lpstr>
      <vt:lpstr>大字劔</vt:lpstr>
      <vt:lpstr>大字茨沢</vt:lpstr>
      <vt:lpstr>大字藤塚</vt:lpstr>
      <vt:lpstr>大字新保古新田</vt:lpstr>
      <vt:lpstr>大字本新保</vt:lpstr>
      <vt:lpstr>大字上雲寺</vt:lpstr>
      <vt:lpstr>大字下新町</vt:lpstr>
      <vt:lpstr>大字上新町</vt:lpstr>
      <vt:lpstr>大字池</vt:lpstr>
      <vt:lpstr>大字下富川</vt:lpstr>
      <vt:lpstr>大字上富川</vt:lpstr>
      <vt:lpstr>大字熊塚</vt:lpstr>
      <vt:lpstr>大字野尻</vt:lpstr>
      <vt:lpstr>大字稲</vt:lpstr>
      <vt:lpstr>平成町</vt:lpstr>
      <vt:lpstr>高田地区（春日）</vt:lpstr>
      <vt:lpstr>大字土橋</vt:lpstr>
      <vt:lpstr>土橋</vt:lpstr>
      <vt:lpstr>大字藤巻</vt:lpstr>
      <vt:lpstr>藤巻</vt:lpstr>
      <vt:lpstr>大字木田新田</vt:lpstr>
      <vt:lpstr>木田新田１丁目</vt:lpstr>
      <vt:lpstr>木田新田２丁目</vt:lpstr>
      <vt:lpstr>大字藤新田</vt:lpstr>
      <vt:lpstr>藤新田１丁目</vt:lpstr>
      <vt:lpstr>藤新田２丁目</vt:lpstr>
      <vt:lpstr>大字木田</vt:lpstr>
      <vt:lpstr>木田１丁目</vt:lpstr>
      <vt:lpstr>木田２丁目</vt:lpstr>
      <vt:lpstr>木田３丁目</vt:lpstr>
      <vt:lpstr>大字薄袋</vt:lpstr>
      <vt:lpstr>大字岩木</vt:lpstr>
      <vt:lpstr>山屋敷町</vt:lpstr>
      <vt:lpstr>大字中屋敷</vt:lpstr>
      <vt:lpstr>大字寺分</vt:lpstr>
      <vt:lpstr>大字大豆</vt:lpstr>
      <vt:lpstr>大豆１丁目</vt:lpstr>
      <vt:lpstr>大豆２丁目</vt:lpstr>
      <vt:lpstr>大字春日</vt:lpstr>
      <vt:lpstr>大字中門前</vt:lpstr>
      <vt:lpstr>中門前１丁目</vt:lpstr>
      <vt:lpstr>中門前２丁目</vt:lpstr>
      <vt:lpstr>中門前３丁目</vt:lpstr>
      <vt:lpstr>大字宮野尾</vt:lpstr>
      <vt:lpstr>大字牛池新田</vt:lpstr>
      <vt:lpstr>大字塚田新田</vt:lpstr>
      <vt:lpstr>春日山町１丁目</vt:lpstr>
      <vt:lpstr>春日山町２丁目</vt:lpstr>
      <vt:lpstr>春日山町３丁目</vt:lpstr>
      <vt:lpstr>春日野１丁目</vt:lpstr>
      <vt:lpstr>春日野２丁目</vt:lpstr>
      <vt:lpstr>新光町１丁目</vt:lpstr>
      <vt:lpstr>新光町２丁目</vt:lpstr>
      <vt:lpstr>新光町３丁目</vt:lpstr>
      <vt:lpstr>大学前</vt:lpstr>
      <vt:lpstr>高田地区（三郷）</vt:lpstr>
      <vt:lpstr>大字下四ツ屋</vt:lpstr>
      <vt:lpstr>大字西松野木</vt:lpstr>
      <vt:lpstr>大字長者町</vt:lpstr>
      <vt:lpstr>大字天野原新田</vt:lpstr>
      <vt:lpstr>大字本長者原</vt:lpstr>
      <vt:lpstr>大字本長者原新田</vt:lpstr>
      <vt:lpstr>大字今池</vt:lpstr>
      <vt:lpstr>大字藪野</vt:lpstr>
      <vt:lpstr>大字辰尾新田</vt:lpstr>
      <vt:lpstr>大字東稲塚新田</vt:lpstr>
      <vt:lpstr>大字下稲塚</vt:lpstr>
      <vt:lpstr>大字新長者原</vt:lpstr>
      <vt:lpstr>桜町</vt:lpstr>
      <vt:lpstr>高田地区（高士）</vt:lpstr>
      <vt:lpstr>大字稲谷</vt:lpstr>
      <vt:lpstr>大字上曽根</vt:lpstr>
      <vt:lpstr>大字下曽根</vt:lpstr>
      <vt:lpstr>大字高和町</vt:lpstr>
      <vt:lpstr>大字元屋敷</vt:lpstr>
      <vt:lpstr>大字高津</vt:lpstr>
      <vt:lpstr>大字飯田</vt:lpstr>
      <vt:lpstr>大字妙油</vt:lpstr>
      <vt:lpstr>大字森田</vt:lpstr>
      <vt:lpstr>大字十二ノ木</vt:lpstr>
      <vt:lpstr>大字北方</vt:lpstr>
      <vt:lpstr>大字南方</vt:lpstr>
      <vt:lpstr>大字大口</vt:lpstr>
      <vt:lpstr>大字東京田</vt:lpstr>
      <vt:lpstr>大字松塚</vt:lpstr>
      <vt:lpstr>直江津地区（直江津）</vt:lpstr>
      <vt:lpstr>西本町１丁目</vt:lpstr>
      <vt:lpstr>西本町２丁目</vt:lpstr>
      <vt:lpstr>西本町３丁目</vt:lpstr>
      <vt:lpstr>西本町４丁目</vt:lpstr>
      <vt:lpstr>中央１丁目</vt:lpstr>
      <vt:lpstr>中央２丁目</vt:lpstr>
      <vt:lpstr>中央３丁目</vt:lpstr>
      <vt:lpstr>中央４丁目</vt:lpstr>
      <vt:lpstr>中央５丁目</vt:lpstr>
      <vt:lpstr>住吉町</vt:lpstr>
      <vt:lpstr>港町１丁目</vt:lpstr>
      <vt:lpstr>港町２丁目</vt:lpstr>
      <vt:lpstr>大字高崎新田</vt:lpstr>
      <vt:lpstr>東雲町１丁目</vt:lpstr>
      <vt:lpstr>東雲町２丁目</vt:lpstr>
      <vt:lpstr>栄町１丁目</vt:lpstr>
      <vt:lpstr>栄町２丁目</vt:lpstr>
      <vt:lpstr>東町</vt:lpstr>
      <vt:lpstr>大字直江津</vt:lpstr>
      <vt:lpstr>大字塩屋</vt:lpstr>
      <vt:lpstr>大字八幡</vt:lpstr>
      <vt:lpstr>大字至徳寺</vt:lpstr>
      <vt:lpstr>大字轟木</vt:lpstr>
      <vt:lpstr>大字古城</vt:lpstr>
      <vt:lpstr>石橋</vt:lpstr>
      <vt:lpstr>大字石橋</vt:lpstr>
      <vt:lpstr>石橋１丁目</vt:lpstr>
      <vt:lpstr>石橋２丁目</vt:lpstr>
      <vt:lpstr>直江津地区（五智）</vt:lpstr>
      <vt:lpstr>五智１丁目</vt:lpstr>
      <vt:lpstr>五智２丁目</vt:lpstr>
      <vt:lpstr>五智３丁目</vt:lpstr>
      <vt:lpstr>五智４丁目</vt:lpstr>
      <vt:lpstr>五智５丁目</vt:lpstr>
      <vt:lpstr>五智６丁目</vt:lpstr>
      <vt:lpstr>五智新町</vt:lpstr>
      <vt:lpstr>大字虫生岩戸</vt:lpstr>
      <vt:lpstr>国府１丁目</vt:lpstr>
      <vt:lpstr>国府２丁目</vt:lpstr>
      <vt:lpstr>国府３丁目</vt:lpstr>
      <vt:lpstr>国府４丁目</vt:lpstr>
      <vt:lpstr>加賀町</vt:lpstr>
      <vt:lpstr>大字三交</vt:lpstr>
      <vt:lpstr>大字大場</vt:lpstr>
      <vt:lpstr>大字愛宕国分</vt:lpstr>
      <vt:lpstr>大字毘沙門国分寺</vt:lpstr>
      <vt:lpstr>大字五智国分</vt:lpstr>
      <vt:lpstr>大字居多</vt:lpstr>
      <vt:lpstr>直江津地区（有田）</vt:lpstr>
      <vt:lpstr>大字小猿屋</vt:lpstr>
      <vt:lpstr>大字小猿屋新田</vt:lpstr>
      <vt:lpstr>大字三田</vt:lpstr>
      <vt:lpstr>大字三田新田</vt:lpstr>
      <vt:lpstr>三田新田</vt:lpstr>
      <vt:lpstr>大字三ツ橋新田</vt:lpstr>
      <vt:lpstr>大字三ツ橋</vt:lpstr>
      <vt:lpstr>三ツ橋</vt:lpstr>
      <vt:lpstr>大字福田</vt:lpstr>
      <vt:lpstr>福田町</vt:lpstr>
      <vt:lpstr>佐内町</vt:lpstr>
      <vt:lpstr>大字佐内</vt:lpstr>
      <vt:lpstr>三ツ屋町</vt:lpstr>
      <vt:lpstr>大字三ツ屋</vt:lpstr>
      <vt:lpstr>大字安江</vt:lpstr>
      <vt:lpstr>安江１丁目</vt:lpstr>
      <vt:lpstr>安江２丁目</vt:lpstr>
      <vt:lpstr>安江３丁目</vt:lpstr>
      <vt:lpstr>大字上源入</vt:lpstr>
      <vt:lpstr>上源入</vt:lpstr>
      <vt:lpstr>大字下源入</vt:lpstr>
      <vt:lpstr>下源入</vt:lpstr>
      <vt:lpstr>大字松村新田</vt:lpstr>
      <vt:lpstr>大字下門前</vt:lpstr>
      <vt:lpstr>下門前</vt:lpstr>
      <vt:lpstr>大字塩屋新田</vt:lpstr>
      <vt:lpstr>塩屋新田</vt:lpstr>
      <vt:lpstr>大字春日新田</vt:lpstr>
      <vt:lpstr>春日新田１丁目</vt:lpstr>
      <vt:lpstr>春日新田２丁目</vt:lpstr>
      <vt:lpstr>春日新田３丁目</vt:lpstr>
      <vt:lpstr>春日新田４丁目</vt:lpstr>
      <vt:lpstr>春日新田５丁目</vt:lpstr>
      <vt:lpstr>川原町</vt:lpstr>
      <vt:lpstr>大字池ノ端</vt:lpstr>
      <vt:lpstr>田園</vt:lpstr>
      <vt:lpstr>直江津地区（八千浦）</vt:lpstr>
      <vt:lpstr>大字黒井</vt:lpstr>
      <vt:lpstr>日之出町</vt:lpstr>
      <vt:lpstr>大字上荒浜</vt:lpstr>
      <vt:lpstr>大字下荒浜</vt:lpstr>
      <vt:lpstr>大字遊光寺浜</vt:lpstr>
      <vt:lpstr>大字夷浜</vt:lpstr>
      <vt:lpstr>大字西ケ窪浜</vt:lpstr>
      <vt:lpstr>大字石橋新田</vt:lpstr>
      <vt:lpstr>大字夷浜新田</vt:lpstr>
      <vt:lpstr>八千浦</vt:lpstr>
      <vt:lpstr>直江津地区（保倉）</vt:lpstr>
      <vt:lpstr>大字下百々</vt:lpstr>
      <vt:lpstr>大字駒林</vt:lpstr>
      <vt:lpstr>大字小泉</vt:lpstr>
      <vt:lpstr>大字長岡</vt:lpstr>
      <vt:lpstr>大字長岡新田</vt:lpstr>
      <vt:lpstr>大字上名柄</vt:lpstr>
      <vt:lpstr>大字五野井</vt:lpstr>
      <vt:lpstr>大字石川</vt:lpstr>
      <vt:lpstr>大字青野</vt:lpstr>
      <vt:lpstr>大字上吉野</vt:lpstr>
      <vt:lpstr>大字下吉野</vt:lpstr>
      <vt:lpstr>大字上五貫野</vt:lpstr>
      <vt:lpstr>大字下五貫野</vt:lpstr>
      <vt:lpstr>大字下名柄</vt:lpstr>
      <vt:lpstr>大字田沢新田</vt:lpstr>
      <vt:lpstr>大字岡崎新田</vt:lpstr>
      <vt:lpstr>大字福岡新田</vt:lpstr>
      <vt:lpstr>直江津地区（北諏訪）</vt:lpstr>
      <vt:lpstr>大字飯塚</vt:lpstr>
      <vt:lpstr>大字中真砂</vt:lpstr>
      <vt:lpstr>大字川端</vt:lpstr>
      <vt:lpstr>大字東中島</vt:lpstr>
      <vt:lpstr>大字上千原</vt:lpstr>
      <vt:lpstr>大字福橋</vt:lpstr>
      <vt:lpstr>大字横曽根</vt:lpstr>
      <vt:lpstr>大字下真砂</vt:lpstr>
      <vt:lpstr>大字上吉新田</vt:lpstr>
      <vt:lpstr>大字下吉新田</vt:lpstr>
      <vt:lpstr>直江津地区（谷浜）</vt:lpstr>
      <vt:lpstr>大字西横山</vt:lpstr>
      <vt:lpstr>大字小池</vt:lpstr>
      <vt:lpstr>大字西山寺</vt:lpstr>
      <vt:lpstr>大字下綱子</vt:lpstr>
      <vt:lpstr>大字高住</vt:lpstr>
      <vt:lpstr>大字中桑取</vt:lpstr>
      <vt:lpstr>大字丹原</vt:lpstr>
      <vt:lpstr>大字鍋ケ浦</vt:lpstr>
      <vt:lpstr>大字吉浦</vt:lpstr>
      <vt:lpstr>大字茶屋ケ原</vt:lpstr>
      <vt:lpstr>大字有間川</vt:lpstr>
      <vt:lpstr>大字長浜</vt:lpstr>
      <vt:lpstr>大字小池新田</vt:lpstr>
      <vt:lpstr>大字西鳥越</vt:lpstr>
      <vt:lpstr>大字諏訪分</vt:lpstr>
      <vt:lpstr>大字中桑取新田</vt:lpstr>
      <vt:lpstr>大字三伝</vt:lpstr>
      <vt:lpstr>大字花立</vt:lpstr>
      <vt:lpstr>大字西戸野</vt:lpstr>
      <vt:lpstr>大字鍛治免分</vt:lpstr>
      <vt:lpstr>大字鍛冶免分</vt:lpstr>
      <vt:lpstr>大字下宇山</vt:lpstr>
      <vt:lpstr>大字上宇山</vt:lpstr>
      <vt:lpstr>直江津地区（桑取）</vt:lpstr>
      <vt:lpstr>大字横畑</vt:lpstr>
      <vt:lpstr>大字皆口</vt:lpstr>
      <vt:lpstr>大字西谷内</vt:lpstr>
      <vt:lpstr>大字北谷</vt:lpstr>
      <vt:lpstr>大字土口</vt:lpstr>
      <vt:lpstr>大字増沢</vt:lpstr>
      <vt:lpstr>大字大渕</vt:lpstr>
      <vt:lpstr>大字東吉尾</vt:lpstr>
      <vt:lpstr>大字西吉尾</vt:lpstr>
      <vt:lpstr>とよば!Print_Area</vt:lpstr>
      <vt:lpstr>安江１丁目!Print_Area</vt:lpstr>
      <vt:lpstr>安江２丁目!Print_Area</vt:lpstr>
      <vt:lpstr>安江３丁目!Print_Area</vt:lpstr>
      <vt:lpstr>稲田１丁目!Print_Area</vt:lpstr>
      <vt:lpstr>稲田２丁目!Print_Area</vt:lpstr>
      <vt:lpstr>稲田３丁目!Print_Area</vt:lpstr>
      <vt:lpstr>稲田４丁目!Print_Area</vt:lpstr>
      <vt:lpstr>栄町!Print_Area</vt:lpstr>
      <vt:lpstr>栄町１丁目!Print_Area</vt:lpstr>
      <vt:lpstr>栄町２丁目!Print_Area</vt:lpstr>
      <vt:lpstr>塩屋新田!Print_Area</vt:lpstr>
      <vt:lpstr>下源入!Print_Area</vt:lpstr>
      <vt:lpstr>下門前!Print_Area</vt:lpstr>
      <vt:lpstr>加賀町!Print_Area</vt:lpstr>
      <vt:lpstr>鴨島!Print_Area</vt:lpstr>
      <vt:lpstr>鴨島１丁目!Print_Area</vt:lpstr>
      <vt:lpstr>鴨島２丁目!Print_Area</vt:lpstr>
      <vt:lpstr>鴨島３丁目!Print_Area</vt:lpstr>
      <vt:lpstr>五智１丁目!Print_Area</vt:lpstr>
      <vt:lpstr>五智２丁目!Print_Area</vt:lpstr>
      <vt:lpstr>五智３丁目!Print_Area</vt:lpstr>
      <vt:lpstr>五智４丁目!Print_Area</vt:lpstr>
      <vt:lpstr>五智５丁目!Print_Area</vt:lpstr>
      <vt:lpstr>五智６丁目!Print_Area</vt:lpstr>
      <vt:lpstr>五智新町!Print_Area</vt:lpstr>
      <vt:lpstr>御殿山町!Print_Area</vt:lpstr>
      <vt:lpstr>幸町!Print_Area</vt:lpstr>
      <vt:lpstr>港町１丁目!Print_Area</vt:lpstr>
      <vt:lpstr>港町２丁目!Print_Area</vt:lpstr>
      <vt:lpstr>'高田地区（金谷）'!Print_Area</vt:lpstr>
      <vt:lpstr>'高田地区（高士）'!Print_Area</vt:lpstr>
      <vt:lpstr>'高田地区（高田旧市・乙）'!Print_Area</vt:lpstr>
      <vt:lpstr>'高田地区（高田旧市・甲）'!Print_Area</vt:lpstr>
      <vt:lpstr>'高田地区（高田旧市・丁）'!Print_Area</vt:lpstr>
      <vt:lpstr>'高田地区（高田旧市・丙）'!Print_Area</vt:lpstr>
      <vt:lpstr>'高田地区（高田旧市・戊）'!Print_Area</vt:lpstr>
      <vt:lpstr>'高田地区（三郷）'!Print_Area</vt:lpstr>
      <vt:lpstr>'高田地区（春日）'!Print_Area</vt:lpstr>
      <vt:lpstr>'高田地区（新道）'!Print_Area</vt:lpstr>
      <vt:lpstr>'高田地区（諏訪）'!Print_Area</vt:lpstr>
      <vt:lpstr>'高田地区（津有）'!Print_Area</vt:lpstr>
      <vt:lpstr>'高田地区（和田）'!Print_Area</vt:lpstr>
      <vt:lpstr>高土町１丁目!Print_Area</vt:lpstr>
      <vt:lpstr>高土町２丁目!Print_Area</vt:lpstr>
      <vt:lpstr>高土町３丁目!Print_Area</vt:lpstr>
      <vt:lpstr>高土町受地!Print_Area</vt:lpstr>
      <vt:lpstr>国府１丁目!Print_Area</vt:lpstr>
      <vt:lpstr>国府２丁目!Print_Area</vt:lpstr>
      <vt:lpstr>国府３丁目!Print_Area</vt:lpstr>
      <vt:lpstr>国府４丁目!Print_Area</vt:lpstr>
      <vt:lpstr>佐内町!Print_Area</vt:lpstr>
      <vt:lpstr>桜町!Print_Area</vt:lpstr>
      <vt:lpstr>三ツ屋町!Print_Area</vt:lpstr>
      <vt:lpstr>三ツ橋!Print_Area</vt:lpstr>
      <vt:lpstr>三田新田!Print_Area</vt:lpstr>
      <vt:lpstr>山屋敷町!Print_Area</vt:lpstr>
      <vt:lpstr>子安!Print_Area</vt:lpstr>
      <vt:lpstr>子安新田!Print_Area</vt:lpstr>
      <vt:lpstr>寺町１丁目!Print_Area</vt:lpstr>
      <vt:lpstr>寺町２丁目!Print_Area</vt:lpstr>
      <vt:lpstr>寺町３丁目!Print_Area</vt:lpstr>
      <vt:lpstr>住吉町!Print_Area</vt:lpstr>
      <vt:lpstr>春日山町１丁目!Print_Area</vt:lpstr>
      <vt:lpstr>春日山町２丁目!Print_Area</vt:lpstr>
      <vt:lpstr>春日山町３丁目!Print_Area</vt:lpstr>
      <vt:lpstr>春日新田１丁目!Print_Area</vt:lpstr>
      <vt:lpstr>春日新田２丁目!Print_Area</vt:lpstr>
      <vt:lpstr>春日新田３丁目!Print_Area</vt:lpstr>
      <vt:lpstr>春日新田４丁目!Print_Area</vt:lpstr>
      <vt:lpstr>春日新田５丁目!Print_Area</vt:lpstr>
      <vt:lpstr>春日野１丁目!Print_Area</vt:lpstr>
      <vt:lpstr>春日野２丁目!Print_Area</vt:lpstr>
      <vt:lpstr>昭和町１丁目!Print_Area</vt:lpstr>
      <vt:lpstr>昭和町２丁目!Print_Area</vt:lpstr>
      <vt:lpstr>上源入!Print_Area</vt:lpstr>
      <vt:lpstr>上昭和町!Print_Area</vt:lpstr>
      <vt:lpstr>上中田!Print_Area</vt:lpstr>
      <vt:lpstr>新光町１丁目!Print_Area</vt:lpstr>
      <vt:lpstr>新光町２丁目!Print_Area</vt:lpstr>
      <vt:lpstr>新光町３丁目!Print_Area</vt:lpstr>
      <vt:lpstr>新町!Print_Area</vt:lpstr>
      <vt:lpstr>新南町!Print_Area</vt:lpstr>
      <vt:lpstr>西城町１丁目!Print_Area</vt:lpstr>
      <vt:lpstr>西城町２丁目!Print_Area</vt:lpstr>
      <vt:lpstr>西城町３丁目!Print_Area</vt:lpstr>
      <vt:lpstr>西城町４丁目!Print_Area</vt:lpstr>
      <vt:lpstr>西本町１丁目!Print_Area</vt:lpstr>
      <vt:lpstr>西本町２丁目!Print_Area</vt:lpstr>
      <vt:lpstr>西本町３丁目!Print_Area</vt:lpstr>
      <vt:lpstr>西本町４丁目!Print_Area</vt:lpstr>
      <vt:lpstr>石橋!Print_Area</vt:lpstr>
      <vt:lpstr>石橋１丁目!Print_Area</vt:lpstr>
      <vt:lpstr>石橋２丁目!Print_Area</vt:lpstr>
      <vt:lpstr>川原町!Print_Area</vt:lpstr>
      <vt:lpstr>大学前!Print_Area</vt:lpstr>
      <vt:lpstr>大貫１丁目!Print_Area</vt:lpstr>
      <vt:lpstr>大貫２丁目!Print_Area</vt:lpstr>
      <vt:lpstr>大貫３丁目!Print_Area</vt:lpstr>
      <vt:lpstr>大貫４丁目!Print_Area</vt:lpstr>
      <vt:lpstr>大字場!Print_Area</vt:lpstr>
      <vt:lpstr>大字愛宕国分!Print_Area</vt:lpstr>
      <vt:lpstr>大字安江!Print_Area</vt:lpstr>
      <vt:lpstr>大字夷浜!Print_Area</vt:lpstr>
      <vt:lpstr>大字夷浜新田!Print_Area</vt:lpstr>
      <vt:lpstr>大字稲!Print_Area</vt:lpstr>
      <vt:lpstr>大字稲荷!Print_Area</vt:lpstr>
      <vt:lpstr>大字稲谷!Print_Area</vt:lpstr>
      <vt:lpstr>大字茨沢!Print_Area</vt:lpstr>
      <vt:lpstr>大字宇津尾!Print_Area</vt:lpstr>
      <vt:lpstr>大字塩屋!Print_Area</vt:lpstr>
      <vt:lpstr>大字塩屋新田!Print_Area</vt:lpstr>
      <vt:lpstr>大字塩荷谷!Print_Area</vt:lpstr>
      <vt:lpstr>大字横曽根!Print_Area</vt:lpstr>
      <vt:lpstr>大字横畑!Print_Area</vt:lpstr>
      <vt:lpstr>大字岡原!Print_Area</vt:lpstr>
      <vt:lpstr>大字岡崎新田!Print_Area</vt:lpstr>
      <vt:lpstr>大字下稲塚!Print_Area</vt:lpstr>
      <vt:lpstr>大字下稲田!Print_Area</vt:lpstr>
      <vt:lpstr>大字下宇山!Print_Area</vt:lpstr>
      <vt:lpstr>大字下吉新田!Print_Area</vt:lpstr>
      <vt:lpstr>大字下吉野!Print_Area</vt:lpstr>
      <vt:lpstr>大字下源入!Print_Area</vt:lpstr>
      <vt:lpstr>大字下五貫野!Print_Area</vt:lpstr>
      <vt:lpstr>大字下綱子!Print_Area</vt:lpstr>
      <vt:lpstr>大字下荒浜!Print_Area</vt:lpstr>
      <vt:lpstr>大字下四ツ屋!Print_Area</vt:lpstr>
      <vt:lpstr>大字下新町!Print_Area</vt:lpstr>
      <vt:lpstr>大字下新田!Print_Area</vt:lpstr>
      <vt:lpstr>大字下真砂!Print_Area</vt:lpstr>
      <vt:lpstr>大字下正善寺!Print_Area</vt:lpstr>
      <vt:lpstr>大字下曽根!Print_Area</vt:lpstr>
      <vt:lpstr>大字下池部!Print_Area</vt:lpstr>
      <vt:lpstr>大字下中田!Print_Area</vt:lpstr>
      <vt:lpstr>大字下馬場!Print_Area</vt:lpstr>
      <vt:lpstr>大字下箱井!Print_Area</vt:lpstr>
      <vt:lpstr>大字下百々!Print_Area</vt:lpstr>
      <vt:lpstr>大字下富川!Print_Area</vt:lpstr>
      <vt:lpstr>大字下名柄!Print_Area</vt:lpstr>
      <vt:lpstr>大字下門前!Print_Area</vt:lpstr>
      <vt:lpstr>大字下野田!Print_Area</vt:lpstr>
      <vt:lpstr>大字花立!Print_Area</vt:lpstr>
      <vt:lpstr>大字灰塚!Print_Area</vt:lpstr>
      <vt:lpstr>大字皆口!Print_Area</vt:lpstr>
      <vt:lpstr>大字鴨島!Print_Area</vt:lpstr>
      <vt:lpstr>大字丸山新田!Print_Area</vt:lpstr>
      <vt:lpstr>大字岩木!Print_Area</vt:lpstr>
      <vt:lpstr>大字儀明!Print_Area</vt:lpstr>
      <vt:lpstr>大字吉浦!Print_Area</vt:lpstr>
      <vt:lpstr>大字吉岡!Print_Area</vt:lpstr>
      <vt:lpstr>大字宮野尾!Print_Area</vt:lpstr>
      <vt:lpstr>大字牛池新田!Print_Area</vt:lpstr>
      <vt:lpstr>大字居多!Print_Area</vt:lpstr>
      <vt:lpstr>大字京田!Print_Area</vt:lpstr>
      <vt:lpstr>大字桐原!Print_Area</vt:lpstr>
      <vt:lpstr>大字駒林!Print_Area</vt:lpstr>
      <vt:lpstr>大字熊塚!Print_Area</vt:lpstr>
      <vt:lpstr>大字元屋敷!Print_Area</vt:lpstr>
      <vt:lpstr>大字古城!Print_Area</vt:lpstr>
      <vt:lpstr>大字戸野目!Print_Area</vt:lpstr>
      <vt:lpstr>大字戸野目古新田!Print_Area</vt:lpstr>
      <vt:lpstr>大字五ケ所新田!Print_Area</vt:lpstr>
      <vt:lpstr>大字五智国分!Print_Area</vt:lpstr>
      <vt:lpstr>大字五野井!Print_Area</vt:lpstr>
      <vt:lpstr>大字後谷!Print_Area</vt:lpstr>
      <vt:lpstr>大字向橋!Print_Area</vt:lpstr>
      <vt:lpstr>大字荒屋!Print_Area</vt:lpstr>
      <vt:lpstr>大字荒町!Print_Area</vt:lpstr>
      <vt:lpstr>大字高崎新田!Print_Area</vt:lpstr>
      <vt:lpstr>大字高住!Print_Area</vt:lpstr>
      <vt:lpstr>大字高森!Print_Area</vt:lpstr>
      <vt:lpstr>大字高津!Print_Area</vt:lpstr>
      <vt:lpstr>大字高田新田!Print_Area</vt:lpstr>
      <vt:lpstr>大字高和町!Print_Area</vt:lpstr>
      <vt:lpstr>大字轟木!Print_Area</vt:lpstr>
      <vt:lpstr>大字黒井!Print_Area</vt:lpstr>
      <vt:lpstr>大字黒田!Print_Area</vt:lpstr>
      <vt:lpstr>大字今泉!Print_Area</vt:lpstr>
      <vt:lpstr>大字今池!Print_Area</vt:lpstr>
      <vt:lpstr>大字佐内!Print_Area</vt:lpstr>
      <vt:lpstr>大字三ツ屋!Print_Area</vt:lpstr>
      <vt:lpstr>大字三ツ橋!Print_Area</vt:lpstr>
      <vt:lpstr>大字三ツ橋新田!Print_Area</vt:lpstr>
      <vt:lpstr>大字三交!Print_Area</vt:lpstr>
      <vt:lpstr>大字三伝!Print_Area</vt:lpstr>
      <vt:lpstr>大字三田!Print_Area</vt:lpstr>
      <vt:lpstr>大字三田新田!Print_Area</vt:lpstr>
      <vt:lpstr>大字四ケ所!Print_Area</vt:lpstr>
      <vt:lpstr>大字四辻町!Print_Area</vt:lpstr>
      <vt:lpstr>大字子安!Print_Area</vt:lpstr>
      <vt:lpstr>大字子安新田!Print_Area</vt:lpstr>
      <vt:lpstr>大字市野江!Print_Area</vt:lpstr>
      <vt:lpstr>大字至徳寺!Print_Area</vt:lpstr>
      <vt:lpstr>大字寺!Print_Area</vt:lpstr>
      <vt:lpstr>大字寺町!Print_Area</vt:lpstr>
      <vt:lpstr>大字寺分!Print_Area</vt:lpstr>
      <vt:lpstr>大字七ケ所新田!Print_Area</vt:lpstr>
      <vt:lpstr>大字十二ノ木!Print_Area</vt:lpstr>
      <vt:lpstr>大字春日!Print_Area</vt:lpstr>
      <vt:lpstr>大字春日新田!Print_Area</vt:lpstr>
      <vt:lpstr>大字小猿屋!Print_Area</vt:lpstr>
      <vt:lpstr>大字小猿屋新田!Print_Area</vt:lpstr>
      <vt:lpstr>大字小泉!Print_Area</vt:lpstr>
      <vt:lpstr>大字小滝!Print_Area</vt:lpstr>
      <vt:lpstr>大字小池!Print_Area</vt:lpstr>
      <vt:lpstr>大字小池新田!Print_Area</vt:lpstr>
      <vt:lpstr>大字松村新田!Print_Area</vt:lpstr>
      <vt:lpstr>大字松塚!Print_Area</vt:lpstr>
      <vt:lpstr>大字上稲田!Print_Area</vt:lpstr>
      <vt:lpstr>大字上宇山!Print_Area</vt:lpstr>
      <vt:lpstr>大字上雲寺!Print_Area</vt:lpstr>
      <vt:lpstr>大字上吉新田!Print_Area</vt:lpstr>
      <vt:lpstr>大字上吉野!Print_Area</vt:lpstr>
      <vt:lpstr>大字上源入!Print_Area</vt:lpstr>
      <vt:lpstr>大字上五貫野!Print_Area</vt:lpstr>
      <vt:lpstr>大字上綱子!Print_Area</vt:lpstr>
      <vt:lpstr>大字上荒浜!Print_Area</vt:lpstr>
      <vt:lpstr>大字上新町!Print_Area</vt:lpstr>
      <vt:lpstr>大字上真砂!Print_Area</vt:lpstr>
      <vt:lpstr>大字上正善寺!Print_Area</vt:lpstr>
      <vt:lpstr>大字上千原!Print_Area</vt:lpstr>
      <vt:lpstr>大字上曽根!Print_Area</vt:lpstr>
      <vt:lpstr>大字上池部!Print_Area</vt:lpstr>
      <vt:lpstr>大字上中田!Print_Area</vt:lpstr>
      <vt:lpstr>大字上島!Print_Area</vt:lpstr>
      <vt:lpstr>'大字上島（旧大日古川新田）'!Print_Area</vt:lpstr>
      <vt:lpstr>大字上湯谷!Print_Area</vt:lpstr>
      <vt:lpstr>大字上箱井!Print_Area</vt:lpstr>
      <vt:lpstr>大字上富川!Print_Area</vt:lpstr>
      <vt:lpstr>大字上名柄!Print_Area</vt:lpstr>
      <vt:lpstr>大字上門前!Print_Area</vt:lpstr>
      <vt:lpstr>大字上野田!Print_Area</vt:lpstr>
      <vt:lpstr>大字新長者原!Print_Area</vt:lpstr>
      <vt:lpstr>大字新保古新田!Print_Area</vt:lpstr>
      <vt:lpstr>大字森田!Print_Area</vt:lpstr>
      <vt:lpstr>大字諏訪!Print_Area</vt:lpstr>
      <vt:lpstr>大字諏訪分!Print_Area</vt:lpstr>
      <vt:lpstr>大字杉野袋!Print_Area</vt:lpstr>
      <vt:lpstr>大字西ケ窪浜!Print_Area</vt:lpstr>
      <vt:lpstr>大字西横山!Print_Area</vt:lpstr>
      <vt:lpstr>大字西吉尾!Print_Area</vt:lpstr>
      <vt:lpstr>大字西戸野!Print_Area</vt:lpstr>
      <vt:lpstr>大字西山寺!Print_Area</vt:lpstr>
      <vt:lpstr>大字西市野口!Print_Area</vt:lpstr>
      <vt:lpstr>大字西松野木!Print_Area</vt:lpstr>
      <vt:lpstr>大字西谷内!Print_Area</vt:lpstr>
      <vt:lpstr>大字西鳥越!Print_Area</vt:lpstr>
      <vt:lpstr>大字西田中!Print_Area</vt:lpstr>
      <vt:lpstr>大字青木!Print_Area</vt:lpstr>
      <vt:lpstr>大字青野!Print_Area</vt:lpstr>
      <vt:lpstr>大字石橋!Print_Area</vt:lpstr>
      <vt:lpstr>大字石橋新田!Print_Area</vt:lpstr>
      <vt:lpstr>大字石川!Print_Area</vt:lpstr>
      <vt:lpstr>大字石沢!Print_Area</vt:lpstr>
      <vt:lpstr>大字赤塚新田!Print_Area</vt:lpstr>
      <vt:lpstr>大字川端!Print_Area</vt:lpstr>
      <vt:lpstr>大字増沢!Print_Area</vt:lpstr>
      <vt:lpstr>大字大貫!Print_Area</vt:lpstr>
      <vt:lpstr>大字大口!Print_Area</vt:lpstr>
      <vt:lpstr>大字大場!Print_Area</vt:lpstr>
      <vt:lpstr>大字大豆!Print_Area</vt:lpstr>
      <vt:lpstr>大字大道新田!Print_Area</vt:lpstr>
      <vt:lpstr>大字大道福田!Print_Area</vt:lpstr>
      <vt:lpstr>大字大日!Print_Area</vt:lpstr>
      <vt:lpstr>'大字大日（旧大日新田）'!Print_Area</vt:lpstr>
      <vt:lpstr>大字大渕!Print_Area</vt:lpstr>
      <vt:lpstr>大字滝寺!Print_Area</vt:lpstr>
      <vt:lpstr>大字辰尾新田!Print_Area</vt:lpstr>
      <vt:lpstr>大字丹原!Print_Area</vt:lpstr>
      <vt:lpstr>大字鍛治免分!Print_Area</vt:lpstr>
      <vt:lpstr>大字鍛冶免分!Print_Area</vt:lpstr>
      <vt:lpstr>大字地頭方!Print_Area</vt:lpstr>
      <vt:lpstr>大字池!Print_Area</vt:lpstr>
      <vt:lpstr>大字池ノ端!Print_Area</vt:lpstr>
      <vt:lpstr>大字茶屋ケ原!Print_Area</vt:lpstr>
      <vt:lpstr>大字中ノ俣!Print_Area</vt:lpstr>
      <vt:lpstr>大字中屋敷!Print_Area</vt:lpstr>
      <vt:lpstr>大字中桑取!Print_Area</vt:lpstr>
      <vt:lpstr>大字中桑取新田!Print_Area</vt:lpstr>
      <vt:lpstr>大字中真砂!Print_Area</vt:lpstr>
      <vt:lpstr>大字中正善寺!Print_Area</vt:lpstr>
      <vt:lpstr>大字中々村新田!Print_Area</vt:lpstr>
      <vt:lpstr>大字中田原!Print_Area</vt:lpstr>
      <vt:lpstr>大字中田新田!Print_Area</vt:lpstr>
      <vt:lpstr>大字中箱井!Print_Area</vt:lpstr>
      <vt:lpstr>大字中門前!Print_Area</vt:lpstr>
      <vt:lpstr>大字虫生岩戸!Print_Area</vt:lpstr>
      <vt:lpstr>大字虫川!Print_Area</vt:lpstr>
      <vt:lpstr>大字朝日!Print_Area</vt:lpstr>
      <vt:lpstr>大字長岡!Print_Area</vt:lpstr>
      <vt:lpstr>大字長岡新田!Print_Area</vt:lpstr>
      <vt:lpstr>大字長者町!Print_Area</vt:lpstr>
      <vt:lpstr>大字長浜!Print_Area</vt:lpstr>
      <vt:lpstr>大字長面!Print_Area</vt:lpstr>
      <vt:lpstr>大字直江津!Print_Area</vt:lpstr>
      <vt:lpstr>大字塚田新田!Print_Area</vt:lpstr>
      <vt:lpstr>大字鶴町!Print_Area</vt:lpstr>
      <vt:lpstr>大字天野原新田!Print_Area</vt:lpstr>
      <vt:lpstr>大字田沢新田!Print_Area</vt:lpstr>
      <vt:lpstr>大字土橋!Print_Area</vt:lpstr>
      <vt:lpstr>大字土口!Print_Area</vt:lpstr>
      <vt:lpstr>大字土合!Print_Area</vt:lpstr>
      <vt:lpstr>大字島田!Print_Area</vt:lpstr>
      <vt:lpstr>大字島田下新田!Print_Area</vt:lpstr>
      <vt:lpstr>大字島田上新田!Print_Area</vt:lpstr>
      <vt:lpstr>大字東稲塚新田!Print_Area</vt:lpstr>
      <vt:lpstr>大字東吉尾!Print_Area</vt:lpstr>
      <vt:lpstr>大字東京田!Print_Area</vt:lpstr>
      <vt:lpstr>大字東原!Print_Area</vt:lpstr>
      <vt:lpstr>大字東市野口!Print_Area</vt:lpstr>
      <vt:lpstr>大字東中島!Print_Area</vt:lpstr>
      <vt:lpstr>大字藤巻!Print_Area</vt:lpstr>
      <vt:lpstr>大字藤新田!Print_Area</vt:lpstr>
      <vt:lpstr>大字藤塚!Print_Area</vt:lpstr>
      <vt:lpstr>大字藤野新田!Print_Area</vt:lpstr>
      <vt:lpstr>大字鍋ケ浦!Print_Area</vt:lpstr>
      <vt:lpstr>大字南新保!Print_Area</vt:lpstr>
      <vt:lpstr>大字南田屋新田!Print_Area</vt:lpstr>
      <vt:lpstr>大字南方!Print_Area</vt:lpstr>
      <vt:lpstr>大字薄袋!Print_Area</vt:lpstr>
      <vt:lpstr>大字八幡!Print_Area</vt:lpstr>
      <vt:lpstr>大字飯!Print_Area</vt:lpstr>
      <vt:lpstr>大字飯塚!Print_Area</vt:lpstr>
      <vt:lpstr>大字飯田!Print_Area</vt:lpstr>
      <vt:lpstr>大字毘沙門国分寺!Print_Area</vt:lpstr>
      <vt:lpstr>大字富岡!Print_Area</vt:lpstr>
      <vt:lpstr>大字福岡新田!Print_Area</vt:lpstr>
      <vt:lpstr>大字福橋!Print_Area</vt:lpstr>
      <vt:lpstr>大字福田!Print_Area</vt:lpstr>
      <vt:lpstr>大字平岡!Print_Area</vt:lpstr>
      <vt:lpstr>大字米岡!Print_Area</vt:lpstr>
      <vt:lpstr>大字北新保!Print_Area</vt:lpstr>
      <vt:lpstr>大字北谷!Print_Area</vt:lpstr>
      <vt:lpstr>大字北田屋新田!Print_Area</vt:lpstr>
      <vt:lpstr>大字北田中!Print_Area</vt:lpstr>
      <vt:lpstr>大字北方!Print_Area</vt:lpstr>
      <vt:lpstr>大字本新保!Print_Area</vt:lpstr>
      <vt:lpstr>大字本長者原!Print_Area</vt:lpstr>
      <vt:lpstr>大字本長者原新田!Print_Area</vt:lpstr>
      <vt:lpstr>大字本道!Print_Area</vt:lpstr>
      <vt:lpstr>大字妙油!Print_Area</vt:lpstr>
      <vt:lpstr>大字木田!Print_Area</vt:lpstr>
      <vt:lpstr>大字木田新田!Print_Area</vt:lpstr>
      <vt:lpstr>大字木島!Print_Area</vt:lpstr>
      <vt:lpstr>大字門田新田!Print_Area</vt:lpstr>
      <vt:lpstr>大字野尻!Print_Area</vt:lpstr>
      <vt:lpstr>大字有間川!Print_Area</vt:lpstr>
      <vt:lpstr>大字遊光寺浜!Print_Area</vt:lpstr>
      <vt:lpstr>大字脇野田!Print_Area</vt:lpstr>
      <vt:lpstr>大字劔!Print_Area</vt:lpstr>
      <vt:lpstr>大字藪野!Print_Area</vt:lpstr>
      <vt:lpstr>大手町!Print_Area</vt:lpstr>
      <vt:lpstr>大町１丁目!Print_Area</vt:lpstr>
      <vt:lpstr>大町２丁目!Print_Area</vt:lpstr>
      <vt:lpstr>大町３丁目!Print_Area</vt:lpstr>
      <vt:lpstr>大町４丁目!Print_Area</vt:lpstr>
      <vt:lpstr>大町５丁目!Print_Area</vt:lpstr>
      <vt:lpstr>大豆１丁目!Print_Area</vt:lpstr>
      <vt:lpstr>大豆２丁目!Print_Area</vt:lpstr>
      <vt:lpstr>大道福田!Print_Area</vt:lpstr>
      <vt:lpstr>大和１丁目!Print_Area</vt:lpstr>
      <vt:lpstr>大和２丁目!Print_Area</vt:lpstr>
      <vt:lpstr>大和３丁目!Print_Area</vt:lpstr>
      <vt:lpstr>大和４丁目!Print_Area</vt:lpstr>
      <vt:lpstr>大和５丁目!Print_Area</vt:lpstr>
      <vt:lpstr>大和６丁目!Print_Area</vt:lpstr>
      <vt:lpstr>中央１丁目!Print_Area</vt:lpstr>
      <vt:lpstr>中央２丁目!Print_Area</vt:lpstr>
      <vt:lpstr>中央３丁目!Print_Area</vt:lpstr>
      <vt:lpstr>中央４丁目!Print_Area</vt:lpstr>
      <vt:lpstr>中央５丁目!Print_Area</vt:lpstr>
      <vt:lpstr>中通町!Print_Area</vt:lpstr>
      <vt:lpstr>中門前１丁目!Print_Area</vt:lpstr>
      <vt:lpstr>中門前２丁目!Print_Area</vt:lpstr>
      <vt:lpstr>中門前３丁目!Print_Area</vt:lpstr>
      <vt:lpstr>仲町１丁目!Print_Area</vt:lpstr>
      <vt:lpstr>仲町２丁目!Print_Area</vt:lpstr>
      <vt:lpstr>仲町３丁目!Print_Area</vt:lpstr>
      <vt:lpstr>仲町４丁目!Print_Area</vt:lpstr>
      <vt:lpstr>仲町５丁目!Print_Area</vt:lpstr>
      <vt:lpstr>仲町６丁目!Print_Area</vt:lpstr>
      <vt:lpstr>'直江津地区（桑取）'!Print_Area</vt:lpstr>
      <vt:lpstr>'直江津地区（五智）'!Print_Area</vt:lpstr>
      <vt:lpstr>'直江津地区（谷浜）'!Print_Area</vt:lpstr>
      <vt:lpstr>'直江津地区（直江津）'!Print_Area</vt:lpstr>
      <vt:lpstr>'直江津地区（八千浦）'!Print_Area</vt:lpstr>
      <vt:lpstr>'直江津地区（保倉）'!Print_Area</vt:lpstr>
      <vt:lpstr>'直江津地区（北諏訪）'!Print_Area</vt:lpstr>
      <vt:lpstr>'直江津地区（有田）'!Print_Area</vt:lpstr>
      <vt:lpstr>田園!Print_Area</vt:lpstr>
      <vt:lpstr>土橋!Print_Area</vt:lpstr>
      <vt:lpstr>東雲町１丁目!Print_Area</vt:lpstr>
      <vt:lpstr>東雲町２丁目!Print_Area</vt:lpstr>
      <vt:lpstr>東城町１丁目!Print_Area</vt:lpstr>
      <vt:lpstr>東城町２丁目!Print_Area</vt:lpstr>
      <vt:lpstr>東城町３丁目!Print_Area</vt:lpstr>
      <vt:lpstr>東町!Print_Area</vt:lpstr>
      <vt:lpstr>東本町１丁目!Print_Area</vt:lpstr>
      <vt:lpstr>東本町２丁目!Print_Area</vt:lpstr>
      <vt:lpstr>東本町３丁目!Print_Area</vt:lpstr>
      <vt:lpstr>東本町４丁目!Print_Area</vt:lpstr>
      <vt:lpstr>東本町５丁目!Print_Area</vt:lpstr>
      <vt:lpstr>藤巻!Print_Area</vt:lpstr>
      <vt:lpstr>藤新田１丁目!Print_Area</vt:lpstr>
      <vt:lpstr>藤新田２丁目!Print_Area</vt:lpstr>
      <vt:lpstr>藤野新田!Print_Area</vt:lpstr>
      <vt:lpstr>南高田町!Print_Area</vt:lpstr>
      <vt:lpstr>南城町１丁目!Print_Area</vt:lpstr>
      <vt:lpstr>南城町２丁目!Print_Area</vt:lpstr>
      <vt:lpstr>南城町３丁目!Print_Area</vt:lpstr>
      <vt:lpstr>南城町４丁目!Print_Area</vt:lpstr>
      <vt:lpstr>南新町!Print_Area</vt:lpstr>
      <vt:lpstr>南本町１丁目!Print_Area</vt:lpstr>
      <vt:lpstr>南本町２丁目!Print_Area</vt:lpstr>
      <vt:lpstr>南本町３丁目!Print_Area</vt:lpstr>
      <vt:lpstr>日之出町!Print_Area</vt:lpstr>
      <vt:lpstr>八千浦!Print_Area</vt:lpstr>
      <vt:lpstr>富岡!Print_Area</vt:lpstr>
      <vt:lpstr>福田町!Print_Area</vt:lpstr>
      <vt:lpstr>平成町!Print_Area</vt:lpstr>
      <vt:lpstr>米町!Print_Area</vt:lpstr>
      <vt:lpstr>北城町１丁目!Print_Area</vt:lpstr>
      <vt:lpstr>北城町２丁目!Print_Area</vt:lpstr>
      <vt:lpstr>北城町３丁目!Print_Area</vt:lpstr>
      <vt:lpstr>北城町４丁目!Print_Area</vt:lpstr>
      <vt:lpstr>北本町１丁目!Print_Area</vt:lpstr>
      <vt:lpstr>北本町２丁目!Print_Area</vt:lpstr>
      <vt:lpstr>北本町３丁目!Print_Area</vt:lpstr>
      <vt:lpstr>北本町４丁目!Print_Area</vt:lpstr>
      <vt:lpstr>本城町!Print_Area</vt:lpstr>
      <vt:lpstr>本町１丁目!Print_Area</vt:lpstr>
      <vt:lpstr>本町２丁目!Print_Area</vt:lpstr>
      <vt:lpstr>本町３丁目!Print_Area</vt:lpstr>
      <vt:lpstr>本町４丁目!Print_Area</vt:lpstr>
      <vt:lpstr>本町５丁目!Print_Area</vt:lpstr>
      <vt:lpstr>本町６丁目!Print_Area</vt:lpstr>
      <vt:lpstr>本町７丁目!Print_Area</vt:lpstr>
      <vt:lpstr>木田１丁目!Print_Area</vt:lpstr>
      <vt:lpstr>木田２丁目!Print_Area</vt:lpstr>
      <vt:lpstr>木田３丁目!Print_Area</vt:lpstr>
      <vt:lpstr>木田新田１丁目!Print_Area</vt:lpstr>
      <vt:lpstr>木田新田２丁目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urusawa tomona</dc:creator>
  <cp:lastModifiedBy>furusawa tomona</cp:lastModifiedBy>
  <dcterms:created xsi:type="dcterms:W3CDTF">2025-04-07T08:48:18Z</dcterms:created>
  <dcterms:modified xsi:type="dcterms:W3CDTF">2025-04-07T08:56:26Z</dcterms:modified>
</cp:coreProperties>
</file>